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showInkAnnotation="0"/>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公表後修正\20260406_その他修正\"/>
    </mc:Choice>
  </mc:AlternateContent>
  <xr:revisionPtr revIDLastSave="0" documentId="13_ncr:1_{F48426DB-39A7-4CCC-9D85-E48A6983B135}" xr6:coauthVersionLast="47" xr6:coauthVersionMax="47" xr10:uidLastSave="{00000000-0000-0000-0000-000000000000}"/>
  <bookViews>
    <workbookView xWindow="28680" yWindow="-15" windowWidth="29040" windowHeight="15720" xr2:uid="{00000000-000D-0000-FFFF-FFFF00000000}"/>
  </bookViews>
  <sheets>
    <sheet name="Sheet1" sheetId="2" r:id="rId1"/>
  </sheets>
  <definedNames>
    <definedName name="_xlnm._FilterDatabase" localSheetId="0" hidden="1">Sheet1!$A$4:$L$820</definedName>
    <definedName name="_xlnm.Print_Area" localSheetId="0">Sheet1!$A$1:$N$820</definedName>
    <definedName name="_xlnm.Print_Titles" localSheetId="0">Sheet1!$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379" uniqueCount="402">
  <si>
    <t>No.</t>
    <phoneticPr fontId="2"/>
  </si>
  <si>
    <t>所管局</t>
    <rPh sb="0" eb="2">
      <t>ショカン</t>
    </rPh>
    <rPh sb="2" eb="3">
      <t>キョク</t>
    </rPh>
    <phoneticPr fontId="2"/>
  </si>
  <si>
    <t>施設名</t>
    <rPh sb="0" eb="2">
      <t>シセツ</t>
    </rPh>
    <rPh sb="2" eb="3">
      <t>メイ</t>
    </rPh>
    <phoneticPr fontId="2"/>
  </si>
  <si>
    <t>所在
市町村</t>
    <rPh sb="0" eb="2">
      <t>ショザイ</t>
    </rPh>
    <rPh sb="3" eb="6">
      <t>シ</t>
    </rPh>
    <phoneticPr fontId="2"/>
  </si>
  <si>
    <t>設置目的</t>
    <rPh sb="0" eb="2">
      <t>セッチ</t>
    </rPh>
    <rPh sb="2" eb="4">
      <t>モクテキ</t>
    </rPh>
    <phoneticPr fontId="2"/>
  </si>
  <si>
    <t>施設概要</t>
    <rPh sb="0" eb="2">
      <t>シセツ</t>
    </rPh>
    <rPh sb="2" eb="4">
      <t>ガイヨウ</t>
    </rPh>
    <phoneticPr fontId="2"/>
  </si>
  <si>
    <t>財産価格</t>
    <rPh sb="0" eb="2">
      <t>ザイサン</t>
    </rPh>
    <rPh sb="2" eb="4">
      <t>カカク</t>
    </rPh>
    <phoneticPr fontId="2"/>
  </si>
  <si>
    <t>政策局</t>
  </si>
  <si>
    <t>相模湖交流センター</t>
  </si>
  <si>
    <t>相模原市</t>
  </si>
  <si>
    <t>水源地域の自然の保全及び活性化を図り、併せて県民に水源地域の自然とのふれあい及び多様な交流活動の場を提供するため</t>
  </si>
  <si>
    <t>土地</t>
  </si>
  <si>
    <t>建物</t>
  </si>
  <si>
    <t>※県所有分のみ</t>
  </si>
  <si>
    <t>国際文化観光局</t>
  </si>
  <si>
    <t>かながわアートホール</t>
  </si>
  <si>
    <t>横浜市</t>
  </si>
  <si>
    <t>県民の文化芸術に関する活動の振興及び福祉の増進を図るため</t>
  </si>
  <si>
    <t>■敷地面積
  保土ヶ谷公園敷地内
■延床面積
　2,639.47㎡
■建築年
  平成3年</t>
  </si>
  <si>
    <t>■敷地面積
  保土ヶ谷公園敷地内
■延床面積
  2,618.02㎡
■建築年
  平成3年</t>
  </si>
  <si>
    <t>（保土ヶ谷公園敷地内）</t>
  </si>
  <si>
    <t>県民ホール（本館）</t>
  </si>
  <si>
    <t>県民の文化芸術の振興及び福祉の増進を図るため</t>
  </si>
  <si>
    <t>■敷地面積
　10,946.33㎡
■延床面積
　28,476.59㎡
■建築年
  昭和49年</t>
  </si>
  <si>
    <t>県民ホール（芸術劇場）</t>
  </si>
  <si>
    <t>■敷地面積
  6,436.61㎡
  (うち県持分4,647.23㎡)
■延床面積
  18,586.45㎡
■建築年
  平成22年</t>
  </si>
  <si>
    <t xml:space="preserve">※下記３施設合同でモニタリング報告書を作成しています。
</t>
  </si>
  <si>
    <t>・県民ホール(本館)
・県民ホール(芸術劇場)
・音楽堂</t>
  </si>
  <si>
    <t>音楽堂</t>
  </si>
  <si>
    <t>県民の音楽芸術の振興及び福祉の増進を図るため</t>
  </si>
  <si>
    <t>■敷地面積
　2,295.49㎡
■延床面積
　3,700.53㎡
■建築年
  昭和29年</t>
  </si>
  <si>
    <t>神奈川近代文学館</t>
  </si>
  <si>
    <t>近代文学に係る図書及びその著者の遺品等を収集し、整理保存し、及び展示し、並びに近代文学に係る図書を閲覧に供するとともに、併せて県民に文化活動の場を提供するため</t>
  </si>
  <si>
    <t>■敷地面積
　7,788.74㎡（市有地)
■延床面積
　7,285.30㎡
■建築年
  昭和59年</t>
  </si>
  <si>
    <t>（市有地）</t>
  </si>
  <si>
    <t>地球市民かながわプラザ</t>
  </si>
  <si>
    <t>子供の豊かな感性をはぐくむとともに、県民の国際的理解並びに国際平和及び地球的規模の課題への認識を深めることにより地域から行動する意識を高め、併せて国際交流活動及び国際協力活動を支援するため</t>
  </si>
  <si>
    <t>■敷地面積
　24,784.15㎡
  (うち県有地21,811.20㎡)
■延床面積
  12,576.00㎡
  (県専有部分)
■建築年
  平成9年</t>
  </si>
  <si>
    <t>スポーツ会館</t>
  </si>
  <si>
    <t>スポーツの振興を図り、県民の心身の健全な発達に寄与するため</t>
  </si>
  <si>
    <t>■敷地面積
　1,603.19㎡（市有地）
■延床面積
　2,320.77㎡
■建築年
  平成10年</t>
  </si>
  <si>
    <t>武道館</t>
  </si>
  <si>
    <t>武道の振興を図り、県民の心身の健全な発達に寄与するため</t>
  </si>
  <si>
    <t>■敷地面積
　8,010.31㎡（市有地）
■延床面積
　6,028.00㎡
■建築年
  昭和57年</t>
  </si>
  <si>
    <t>西湘スポーツセンター</t>
  </si>
  <si>
    <t>小田原市</t>
  </si>
  <si>
    <t>スポーツを推進し、県民の誰もが生涯にわたりスポーツを楽しみ、もつて県民の心身の健全な発達、健康で明るく豊かな生活及び活力ある地域社会の実現に寄与するため</t>
  </si>
  <si>
    <t>伊勢原射撃場</t>
  </si>
  <si>
    <t>伊勢原市</t>
  </si>
  <si>
    <t>県民に射撃に関する知識の習得及び技能の向上の場を提供し、もって県民のスポーツの振興に寄与するため</t>
  </si>
  <si>
    <t>■敷地面積
　128,200.18㎡
  (うち県有地105,485.81㎡)
■延床面積
  8,210.57㎡
■建築年
  平成9年</t>
  </si>
  <si>
    <t>(一部借地）</t>
  </si>
  <si>
    <t>宮ケ瀬湖カヌー場</t>
  </si>
  <si>
    <t>清川村</t>
  </si>
  <si>
    <t>県民にカヌー等に関する知識の習得及び技能の向上の場を提供し、もって県民のスポーツの振興に寄与するため</t>
  </si>
  <si>
    <t>■敷地面積
　145.150.9㎡（国有地）
■延床面積
　1,520.07㎡
■建築年
  平成9年</t>
  </si>
  <si>
    <t>（国有地）</t>
  </si>
  <si>
    <t>宮ケ瀬やまなみセンター(本館・別館）</t>
  </si>
  <si>
    <t xml:space="preserve">
水源地域の自然の保全及び活性化を図り、併せて県民に水源地域の自然とのふれあい及び多様な交流活動の場を提供するため</t>
  </si>
  <si>
    <t xml:space="preserve">※下記４施設合同でモニタリング報告書を作成しています。
</t>
  </si>
  <si>
    <t>環境農政局</t>
  </si>
  <si>
    <t>宮ケ瀬湖集団施設地区</t>
  </si>
  <si>
    <t>県民に自然とのふれあいの機会を提供し、もって県民の保健、休養及び自然環境への理解並びに宮ケ瀬湖周辺地域の活性化に資するため</t>
  </si>
  <si>
    <t xml:space="preserve">■敷地面積
　298,000.00㎡(国有地)
■延床面積
　779.62㎡
■建築年
　平成4～11年
 </t>
  </si>
  <si>
    <t>・宮ケ瀬湖カヌー場
・宮ケ瀬やまなみセンター(本館・別館）
・宮ケ瀬湖集団施設地区
・鳥居原園地</t>
  </si>
  <si>
    <t>鳥居原園地</t>
  </si>
  <si>
    <t>■敷地面積
  54,000.00㎡(国有地)
■延床面積
　33.0㎡
■建築年
　平成12年</t>
  </si>
  <si>
    <t>秦野ビジターセンター</t>
  </si>
  <si>
    <t>秦野市</t>
  </si>
  <si>
    <t>県民に丹沢大山国定公園及び神奈川県立丹沢大山自然公園の地形、動物、植物、歴史等の学習の場並びに適正で安全な自然とのふれあい等に係る情報を提供し、もって県民の自然環境への理解に資するため</t>
  </si>
  <si>
    <t>■敷地面積
　秦野戸川公園敷地内
■延床面積
  265.3㎡
■建築年
  平成9年</t>
  </si>
  <si>
    <t>　秦野戸川公園
　敷地内</t>
  </si>
  <si>
    <t xml:space="preserve">  秦野戸川公園
  パークセンタ
　ー内</t>
  </si>
  <si>
    <t>西丹沢ビジターセンター</t>
  </si>
  <si>
    <t>山北町</t>
  </si>
  <si>
    <t>■敷地面積
　635.1㎡
■延床面積
　162.0㎡
■建築年
  昭和48年</t>
  </si>
  <si>
    <t xml:space="preserve">※下記２施設合同でモニタリング報告書を作成しています。
</t>
  </si>
  <si>
    <t>・秦野ビジターセンター
・西丹沢ビジターセンター</t>
  </si>
  <si>
    <t>21世紀の森</t>
  </si>
  <si>
    <t>南足柄市</t>
  </si>
  <si>
    <t>■敷地面積
  1,073,008.24㎡
  (21世紀の森全体面積)
■延床面積
  1,377.99㎡
■建築年
  昭和57年</t>
  </si>
  <si>
    <t>三浦市</t>
  </si>
  <si>
    <t>三崎漁港を訪れるプレジャーボート等の停係泊区域を限定設置して漁船の停係泊区域と峻別し漁港の秩序維持を図るため</t>
  </si>
  <si>
    <t xml:space="preserve">■水域面積
　3,100㎡
■岸壁
　155m
</t>
  </si>
  <si>
    <t>-</t>
  </si>
  <si>
    <t>水域と工作物が一体となった漁港施設であるため、土地及び建物の財産価格はない</t>
  </si>
  <si>
    <t>三崎漁港内に無秩序に停係泊されていたプレジャーボート等の停係泊区域を設置して漁船の停係泊区域と峻別し漁港の秩序維持を図るため</t>
  </si>
  <si>
    <t>■水域面積
　11,499.00㎡
■延床面積（管理棟）
　69.32㎡</t>
  </si>
  <si>
    <t>水域と工作物が一体となった漁港施設であるため、土地の財産価格はない（建物価格は管理棟のものです）</t>
  </si>
  <si>
    <t>花と緑のふれあいセンター</t>
  </si>
  <si>
    <t>観賞植物等の収集及び展示並びに野菜、果樹等の栽培状況等の展示、さらに体験を通して、県民が花き園芸、農業に親しみ、農業の大切さを理解し、くらしに花と緑を取り入れる情報の場を提供するため</t>
  </si>
  <si>
    <t>■敷地面積
　91,980.00㎡
■延床面積
　3,341.92㎡
■建築年
  平成22年</t>
  </si>
  <si>
    <t>大船フラワーセンター</t>
  </si>
  <si>
    <t>鎌倉市</t>
  </si>
  <si>
    <t>■敷地面積
　57,818.01㎡
■延床面積
　4,429.71㎡
■建築年
  昭和57年</t>
  </si>
  <si>
    <t>福祉子どもみらい局</t>
  </si>
  <si>
    <t>■敷地面積
　 - ㎡
■延床面積
　 - ㎡
■建築年
　 - 年</t>
  </si>
  <si>
    <t>津久井やまゆり園</t>
  </si>
  <si>
    <t>神奈川県ライトセンター</t>
  </si>
  <si>
    <t>視覚障害者の社会的自立を促進するため、点字･録音等による情報の提供、相談指導、訓練及びスポーツの振興並びにボランティア活動の振興、育成を行うため</t>
  </si>
  <si>
    <t>■敷地面積
　9,014.78㎡
■延床面積
　6,540.97㎡
■建築年
　平成5年</t>
  </si>
  <si>
    <t>神奈川県聴覚障害者福祉センター</t>
  </si>
  <si>
    <t>藤沢市</t>
  </si>
  <si>
    <t>聴覚障害者の社会的自立を促進するため、各種の指導、訓練及び日常生活に必要な情報の提供を行うとともに、手話通訳者・要約筆記者の養成・派遣等を行うため</t>
  </si>
  <si>
    <t>■敷地面積
　1,459.21㎡
■延床面積
　1,678.78㎡
■建築年
  昭和55年</t>
  </si>
  <si>
    <t>愛名やまゆり園</t>
  </si>
  <si>
    <t>厚木市</t>
  </si>
  <si>
    <t>■敷地面積
　23,935.17㎡
■延床面積
　7,672.63㎡
■建築年
  昭和61年</t>
  </si>
  <si>
    <t>厚木精華園</t>
  </si>
  <si>
    <t>■敷地面積
　14,985.84㎡
■延床面積
　8,065.15㎡
■建築年
  平成6年</t>
  </si>
  <si>
    <t>三浦しらとり園</t>
  </si>
  <si>
    <t>横須賀市</t>
  </si>
  <si>
    <t>■敷地面積
　23,236.31㎡
■延床面積
　8,720.73㎡
■建築年
  昭和58年</t>
  </si>
  <si>
    <t>健康医療局</t>
    <phoneticPr fontId="2"/>
  </si>
  <si>
    <t xml:space="preserve">神奈川県総合リハビリテーションセンター
（病院）
￭神奈川リハビリテーション病院
（福祉施設）
￭七沢学園
￭七沢療育園
￭七沢自立支援ホーム
</t>
  </si>
  <si>
    <t>心身障害者等の社会復帰を効果的に推進するため、福祉と医療の連携により、総合的かつ一貫したリハビリテーションを実施するため</t>
  </si>
  <si>
    <t>産業労働局</t>
    <phoneticPr fontId="2"/>
  </si>
  <si>
    <t>かながわ労働プラザ</t>
    <phoneticPr fontId="2"/>
  </si>
  <si>
    <t>労働者福祉の増進を図り、文化活動の場を提供するため</t>
  </si>
  <si>
    <t>■敷地面積
　2,581.98㎡
■延床面積
　13,866.70㎡
■建築年
  平成7年</t>
  </si>
  <si>
    <t>県土整備局</t>
  </si>
  <si>
    <t>秦野戸川公園</t>
  </si>
  <si>
    <t>都市におけるレクリエーションの空間確保、良好な都市景観形成、都市環境の改善、都市の防災性の向上等多様な機能を有する空間を確保するため</t>
  </si>
  <si>
    <t>■設置時期
　平成９年
■開設面積
  36.10ha
■県有地面積
　397,606.71㎡
■延床面積
　2,047.35㎡　</t>
  </si>
  <si>
    <t>山岳スポーツセンター</t>
  </si>
  <si>
    <t>県民に登山に関する知識の習得、技能の向上及びレクリエーションの場を提供し、もって県民のスポーツの振興に寄与するため</t>
  </si>
  <si>
    <t>■敷地面積
　6647.44㎡（秦野戸川公園敷地内）
■延床面積
　637.43㎡
■建築年
  平成9年</t>
  </si>
  <si>
    <t>（秦野戸川公園敷地内）</t>
  </si>
  <si>
    <t>・秦野戸川公園
・山岳スポーツセンター</t>
  </si>
  <si>
    <t>相模湖公園</t>
  </si>
  <si>
    <t>■設置時期
　昭和33年
■開設面積
  2.52ha
■県有地面積
　30,136.91㎡
■延床面積
　4,281.84㎡　</t>
  </si>
  <si>
    <t>ボートの競技等を通じて県民のスポーツ振興を図るため</t>
  </si>
  <si>
    <t>■敷地面積
　2,996.90㎡　(相模湖及び相模湖公園敷地内)
■延床面積
　3,417.76㎡
■建築年
  平成6年</t>
  </si>
  <si>
    <t>（相模湖及び相模湖公園敷地内）</t>
  </si>
  <si>
    <t>・相模湖公園
・相模湖漕艇場</t>
  </si>
  <si>
    <t>塚山公園</t>
  </si>
  <si>
    <t>■設置時期
　昭和32年
■開設面積
  4.73ha
■県有地面積
　47,554.61㎡
■延床面積
　111.64㎡　</t>
  </si>
  <si>
    <t>葉山公園</t>
  </si>
  <si>
    <t>葉山町</t>
  </si>
  <si>
    <t>■設置時期
　昭和32年
■開設面積
  1.69ha
■県有地面積
　16,859.50㎡
■延床面積
　103.22㎡　</t>
  </si>
  <si>
    <t>はやま三ヶ岡山緑地</t>
  </si>
  <si>
    <t>■設置時期
　平成９年
■開設面積
  29.57ha
■県有地面積
　266,906.70㎡
■延床面積
　15.43㎡　</t>
  </si>
  <si>
    <t>・葉山公園
・はやま三ヶ岡山緑地</t>
  </si>
  <si>
    <t>保土ケ谷公園</t>
  </si>
  <si>
    <t>■設置時期
　昭和32年
■開設面積
  33.97ha
■県有地面積
　316,716.62㎡
■延床面積
　16,908.01㎡　</t>
  </si>
  <si>
    <t>三ツ池公園</t>
  </si>
  <si>
    <t>湘南海岸公園</t>
  </si>
  <si>
    <t>■設置時期
　昭和32年
■開設面積
  17.39ha
■県有地面積
　154,243.32㎡
■延床面積
　18,198.41㎡</t>
  </si>
  <si>
    <t>城ケ島公園</t>
  </si>
  <si>
    <t>■設置時期
　昭和33年
■開設面積
  14.56ha
■県有地面積
　60,206.30㎡
■延床面積
　538.90㎡　</t>
  </si>
  <si>
    <t>恩賜箱根公園
※土地は下賜により
　取得</t>
  </si>
  <si>
    <t>箱根町</t>
  </si>
  <si>
    <t>辻堂海浜公園</t>
  </si>
  <si>
    <t>湘南汐見台公園</t>
  </si>
  <si>
    <t>茅ヶ崎市</t>
  </si>
  <si>
    <t>■設置時期
　昭和47年
■開設面積
　1.59ha
■県有地面積
　661.22㎡
■延床面積
　69.70㎡　</t>
  </si>
  <si>
    <t>・辻堂海浜公園
・湘南汐見台公園</t>
  </si>
  <si>
    <t>観音崎公園</t>
  </si>
  <si>
    <t>■設置時期
　昭和50年
■開設面積
　70.36ha
■県有地面積
　69,838.28㎡
■延床面積
　2,324.15㎡　</t>
  </si>
  <si>
    <t>東高根森林公園</t>
  </si>
  <si>
    <t>川崎市</t>
  </si>
  <si>
    <t>相模原公園</t>
  </si>
  <si>
    <t>■設置時期
　昭和54年
■開設面積
  26.01ha
■県有地面積
　186,332.84㎡
■延床面積
　4,146.35㎡　</t>
  </si>
  <si>
    <t>大磯城山公園</t>
  </si>
  <si>
    <t>大磯町</t>
  </si>
  <si>
    <t>■設置時期
　昭和62年
■開設面積
  10.04ha
■県有地面積
　95,732.24㎡
■延床面積
　976.93㎡　</t>
  </si>
  <si>
    <t>七沢森林公園</t>
  </si>
  <si>
    <t>■設置時期
　昭和63年
■開設面積
  64.60ha
■県有地面積
　582,407.99㎡
■延床面積
　762.70㎡　</t>
  </si>
  <si>
    <t>四季の森公園</t>
  </si>
  <si>
    <t>■設置時期
　昭和63年
■開設面積
　45.28ha
■県有地面積
　466,199.67㎡
■延床面積
　793.81㎡　</t>
  </si>
  <si>
    <t>座間谷戸山公園</t>
  </si>
  <si>
    <t>座間市</t>
  </si>
  <si>
    <t>津久井湖城山公園</t>
  </si>
  <si>
    <t>あいかわ公園</t>
  </si>
  <si>
    <t>愛川町</t>
  </si>
  <si>
    <t>■設置時期
　平成14年
■開設面積
  51.96ha
■県有地面積
　296,879.75㎡
■延床面積
　2,539.05㎡　</t>
  </si>
  <si>
    <t>相模三川公園</t>
  </si>
  <si>
    <t>海老名市</t>
  </si>
  <si>
    <t>■設置時期
　平成16年
■開設面積
  16.75ha
■県有地面積
　174,464.59㎡
■延床面積
　603.07㎡　</t>
  </si>
  <si>
    <t>おだわら諏訪の原公園</t>
  </si>
  <si>
    <t>境川遊水地公園</t>
  </si>
  <si>
    <t>横浜市
藤沢市</t>
  </si>
  <si>
    <t>■設置時期
　平成19年
■開設面積
  26.12ha
■河川施設を占用(国有地)
■延床面積
　400.07㎡</t>
  </si>
  <si>
    <t>(河川施設を占用)</t>
  </si>
  <si>
    <t>由比ガ浜地下駐車場</t>
  </si>
  <si>
    <t>国道134号の違法駐車対策のため</t>
  </si>
  <si>
    <t>■敷地面積
　14,284.58㎡
■延床面積
　13,990.00㎡</t>
  </si>
  <si>
    <t>8,156,000千円</t>
  </si>
  <si>
    <t>土地は、国道134号として財産管理台帳で管理しているため、当該施設の土地価格はない</t>
  </si>
  <si>
    <t>片瀬海岸地下駐車場</t>
  </si>
  <si>
    <t>■敷地面積
　16,483.11㎡
■延床面積
　12,417.00㎡</t>
  </si>
  <si>
    <t>7,220,000千円</t>
  </si>
  <si>
    <t>湘南港</t>
  </si>
  <si>
    <t>港湾法に基づく地方港湾として、漁業者、ヨット利用者等の利用に供するとともに、一般利用者も観光に訪れることができる場の提供のため</t>
  </si>
  <si>
    <t>■係留施設(浮き桟橋1,516m)他</t>
  </si>
  <si>
    <t>葉山港</t>
  </si>
  <si>
    <t>大磯港</t>
  </si>
  <si>
    <t>港湾法に基づく地方港湾として、漁業者、砂利骨材移入事業者等の利用に資するとともに、一般利用者も観光に訪れることができる場の提供のため</t>
  </si>
  <si>
    <t>■係留施設(西岸壁180m)他</t>
  </si>
  <si>
    <t>真鶴港</t>
  </si>
  <si>
    <t>真鶴町</t>
  </si>
  <si>
    <t>港湾法に基づく地方港湾として、漁業者、真鶴産石材積出事業者、ヨット利用者等の利用に供するとともに、一般利用者も観光に訪れることができる場の提供のため</t>
  </si>
  <si>
    <t>■係留施設(第１物揚場138m)他</t>
  </si>
  <si>
    <t>教育局</t>
  </si>
  <si>
    <t>足柄ふれあいの村</t>
  </si>
  <si>
    <t>児童、生徒、青少年等が自然の中での体験及び人との交流を通じて、自立心、協調性を育むための活動を促進するため</t>
  </si>
  <si>
    <t>■敷地面積
　72,177.60㎡(民有地)
■延床面積
　6,315.87㎡
■建築年
  平成2年</t>
  </si>
  <si>
    <t>（借地）</t>
  </si>
  <si>
    <t>愛川ふれあいの村</t>
  </si>
  <si>
    <t>■敷地面積
　163,757.38㎡
 （うち民有地3,093.80㎡）
■延床面積
  8,806.94㎡
■建築年
  昭和47年</t>
  </si>
  <si>
    <t>【利用状況】</t>
    <rPh sb="1" eb="3">
      <t>リヨウ</t>
    </rPh>
    <rPh sb="3" eb="5">
      <t>ジョウキョウ</t>
    </rPh>
    <phoneticPr fontId="1"/>
  </si>
  <si>
    <t>【収入】</t>
    <rPh sb="1" eb="3">
      <t>シュウニュウ</t>
    </rPh>
    <phoneticPr fontId="1"/>
  </si>
  <si>
    <t>【支出】</t>
    <rPh sb="1" eb="3">
      <t>シシュツ</t>
    </rPh>
    <phoneticPr fontId="1"/>
  </si>
  <si>
    <t>収支差引</t>
    <rPh sb="0" eb="2">
      <t>シュウシ</t>
    </rPh>
    <rPh sb="2" eb="4">
      <t>サシヒキ</t>
    </rPh>
    <phoneticPr fontId="1"/>
  </si>
  <si>
    <t>利用者一人当たりコスト</t>
    <rPh sb="0" eb="2">
      <t>リヨウ</t>
    </rPh>
    <rPh sb="2" eb="3">
      <t>シャ</t>
    </rPh>
    <rPh sb="3" eb="5">
      <t>ヒトリ</t>
    </rPh>
    <rPh sb="5" eb="6">
      <t>ア</t>
    </rPh>
    <phoneticPr fontId="1"/>
  </si>
  <si>
    <t>利用者一人当たり県費負担額</t>
    <rPh sb="0" eb="2">
      <t>リヨウ</t>
    </rPh>
    <rPh sb="2" eb="3">
      <t>シャ</t>
    </rPh>
    <rPh sb="3" eb="5">
      <t>ヒトリ</t>
    </rPh>
    <rPh sb="5" eb="6">
      <t>ア</t>
    </rPh>
    <rPh sb="8" eb="10">
      <t>ケンピ</t>
    </rPh>
    <rPh sb="10" eb="12">
      <t>フタン</t>
    </rPh>
    <rPh sb="12" eb="13">
      <t>ガク</t>
    </rPh>
    <phoneticPr fontId="1"/>
  </si>
  <si>
    <t>運営改善</t>
    <rPh sb="0" eb="2">
      <t>ウンエイ</t>
    </rPh>
    <rPh sb="2" eb="4">
      <t>カイゼン</t>
    </rPh>
    <phoneticPr fontId="1"/>
  </si>
  <si>
    <t>モニタリング結果報告書URL</t>
    <rPh sb="6" eb="8">
      <t>ケッカ</t>
    </rPh>
    <rPh sb="8" eb="11">
      <t>ホウコクショ</t>
    </rPh>
    <phoneticPr fontId="2"/>
  </si>
  <si>
    <t>備考</t>
    <rPh sb="0" eb="2">
      <t>ビコウ</t>
    </rPh>
    <phoneticPr fontId="2"/>
  </si>
  <si>
    <t>※２施設合同での数値です</t>
    <rPh sb="2" eb="4">
      <t>シセツ</t>
    </rPh>
    <rPh sb="4" eb="6">
      <t>ゴウドウ</t>
    </rPh>
    <rPh sb="8" eb="10">
      <t>スウチ</t>
    </rPh>
    <phoneticPr fontId="1"/>
  </si>
  <si>
    <t>［非公開］</t>
    <rPh sb="1" eb="4">
      <t>ヒコウカイ</t>
    </rPh>
    <phoneticPr fontId="1"/>
  </si>
  <si>
    <t>土地</t>
    <phoneticPr fontId="1"/>
  </si>
  <si>
    <t>建物</t>
    <phoneticPr fontId="1"/>
  </si>
  <si>
    <t>　1,946,083千円</t>
    <phoneticPr fontId="1"/>
  </si>
  <si>
    <t>■敷地面積
　31,885.92㎡
■延床面積
　9,596.59㎡
■建築年
  平成8年、令和3年</t>
    <rPh sb="47" eb="49">
      <t>レイワ</t>
    </rPh>
    <rPh sb="50" eb="51">
      <t>ネン</t>
    </rPh>
    <phoneticPr fontId="1"/>
  </si>
  <si>
    <t>■敷地面積
　22,696.64㎡
■延床面積
　6,198.50㎡
■建築年
  令和3年</t>
    <rPh sb="42" eb="44">
      <t>レイワ</t>
    </rPh>
    <rPh sb="45" eb="46">
      <t>ネン</t>
    </rPh>
    <phoneticPr fontId="1"/>
  </si>
  <si>
    <t>■敷地面積
　138,975.52㎡
■延床面積
　51,880.64㎡
■建築年
　平成10年（病院東館）
　平成28年（福祉棟）
　平成29年（病院本館）</t>
    <phoneticPr fontId="1"/>
  </si>
  <si>
    <t>■設置時期
　昭和34年
■開設面積
  15.89ha
■県有地面積
　171,232.00㎡
■延床面積
　851.73㎡　</t>
    <phoneticPr fontId="1"/>
  </si>
  <si>
    <t xml:space="preserve">■設置時期
　平成18年
■開設面積
  15.37ha
■県有地面積
　158,416.03㎡
■延床面積
　772.93㎡　
</t>
    <phoneticPr fontId="1"/>
  </si>
  <si>
    <t>利用状況・収支等の状況　(単位：千円)
（原則モニタリング報告書の記載を基にしています。県立公園などでは一人当たりではなく、駐車場一台当たり等の場合があります）</t>
    <rPh sb="0" eb="4">
      <t>リヨウジョウキョウ</t>
    </rPh>
    <rPh sb="5" eb="7">
      <t>シュウシ</t>
    </rPh>
    <rPh sb="7" eb="8">
      <t>トウ</t>
    </rPh>
    <rPh sb="9" eb="11">
      <t>ジョウキョウ</t>
    </rPh>
    <rPh sb="21" eb="23">
      <t>ゲンソク</t>
    </rPh>
    <rPh sb="29" eb="32">
      <t>ホウコクショ</t>
    </rPh>
    <rPh sb="33" eb="35">
      <t>キサイ</t>
    </rPh>
    <rPh sb="36" eb="37">
      <t>モト</t>
    </rPh>
    <rPh sb="44" eb="46">
      <t>ケンリツ</t>
    </rPh>
    <rPh sb="46" eb="48">
      <t>コウエン</t>
    </rPh>
    <rPh sb="52" eb="54">
      <t>ヒトリ</t>
    </rPh>
    <rPh sb="54" eb="55">
      <t>ア</t>
    </rPh>
    <rPh sb="62" eb="65">
      <t>チュウシャジョウ</t>
    </rPh>
    <rPh sb="65" eb="67">
      <t>イチダイ</t>
    </rPh>
    <rPh sb="67" eb="68">
      <t>ア</t>
    </rPh>
    <rPh sb="70" eb="71">
      <t>トウ</t>
    </rPh>
    <rPh sb="72" eb="74">
      <t>バアイ</t>
    </rPh>
    <phoneticPr fontId="1"/>
  </si>
  <si>
    <t>茅ケ崎里山公園</t>
    <phoneticPr fontId="2"/>
  </si>
  <si>
    <t>■敷地面積
　24,784.15㎡
  (うち県有地21,811.20㎡)
■延床面積
  12,576.00㎡
  (県専有部分)
■建築年
  平成9年</t>
    <phoneticPr fontId="2"/>
  </si>
  <si>
    <t>芹が谷やまゆり園</t>
  </si>
  <si>
    <t>■設置時期
　平成５年
■開設面積
  31.01ha
■県有地面積
　271,274.63㎡
■延床面積
　903.51㎡　</t>
    <phoneticPr fontId="2"/>
  </si>
  <si>
    <t>■敷地面積
　2,391.88㎡
■延床面積
　3,700.53㎡
■建築年
  昭和29年</t>
    <phoneticPr fontId="2"/>
  </si>
  <si>
    <t>(注：人事課分等を含む）</t>
    <rPh sb="3" eb="6">
      <t>ジンジカ</t>
    </rPh>
    <phoneticPr fontId="1"/>
  </si>
  <si>
    <t>（河川及び流域下水道面積を除く7,858.68㎡）</t>
    <phoneticPr fontId="1"/>
  </si>
  <si>
    <t>■敷地面積
　30,430.31㎡（うち、県有地　24,537.24㎡　※河川占用許可、流域下水道使用承認面積を含む）
■延床面積
　4,070.40㎡
■建築年
  昭和57年</t>
    <phoneticPr fontId="1"/>
  </si>
  <si>
    <t>■設置時期
　昭和46年
■開設面積
  19.97ha
■県有地面積
　9668.00㎡
■延床面積
　5,670.09㎡　</t>
    <phoneticPr fontId="2"/>
  </si>
  <si>
    <t>山北つぶらの公園</t>
    <phoneticPr fontId="2"/>
  </si>
  <si>
    <t>■設置時期
　平成29年
■開設面積
  17.89ha
■県有地面積
　134,583.00㎡
■延床面積
　195.55㎡</t>
  </si>
  <si>
    <t>利用者一台当たりコスト</t>
    <rPh sb="0" eb="2">
      <t>リヨウ</t>
    </rPh>
    <rPh sb="2" eb="3">
      <t>シャ</t>
    </rPh>
    <rPh sb="3" eb="4">
      <t>イチ</t>
    </rPh>
    <rPh sb="5" eb="6">
      <t>ア</t>
    </rPh>
    <phoneticPr fontId="1"/>
  </si>
  <si>
    <t>利用者一台当たり県費負担額</t>
    <rPh sb="0" eb="2">
      <t>リヨウ</t>
    </rPh>
    <rPh sb="2" eb="3">
      <t>シャ</t>
    </rPh>
    <rPh sb="3" eb="5">
      <t>イチダイ</t>
    </rPh>
    <rPh sb="5" eb="6">
      <t>ア</t>
    </rPh>
    <rPh sb="8" eb="10">
      <t>ケンピ</t>
    </rPh>
    <rPh sb="10" eb="12">
      <t>フタン</t>
    </rPh>
    <rPh sb="12" eb="13">
      <t>ガク</t>
    </rPh>
    <phoneticPr fontId="1"/>
  </si>
  <si>
    <t>利用者一台当たりコスト</t>
    <rPh sb="0" eb="2">
      <t>リヨウ</t>
    </rPh>
    <rPh sb="2" eb="3">
      <t>シャ</t>
    </rPh>
    <rPh sb="3" eb="5">
      <t>イチダイ</t>
    </rPh>
    <rPh sb="5" eb="6">
      <t>ア</t>
    </rPh>
    <phoneticPr fontId="1"/>
  </si>
  <si>
    <t xml:space="preserve">
【本館】
■敷地面積
　4,000.00㎡(国有地)
■延床面積
　1,311.48㎡
■建築年
  平成10年
【別館】
■敷地面積
　1,195.71㎡(県有地)
■延床面積
　875.93㎡
■建築年
  昭和61年
</t>
    <phoneticPr fontId="2"/>
  </si>
  <si>
    <t>■設置時期
　昭和53年
■開設面積
　11.81ha
■県有地面積
　104,281.00㎡
■延床面積
　602.30㎡　</t>
    <phoneticPr fontId="1"/>
  </si>
  <si>
    <t>R05収支等</t>
    <rPh sb="3" eb="5">
      <t>シュウシ</t>
    </rPh>
    <rPh sb="5" eb="6">
      <t>トウ</t>
    </rPh>
    <phoneticPr fontId="1"/>
  </si>
  <si>
    <t>文化スポーツ観光局</t>
    <rPh sb="0" eb="2">
      <t>ブンカ</t>
    </rPh>
    <rPh sb="6" eb="9">
      <t>カンコウキョク</t>
    </rPh>
    <phoneticPr fontId="2"/>
  </si>
  <si>
    <t>文化スポーツ観光局</t>
  </si>
  <si>
    <t>R04収支等</t>
    <rPh sb="3" eb="6">
      <t>シュウシナド</t>
    </rPh>
    <phoneticPr fontId="1"/>
  </si>
  <si>
    <t>R06収支等</t>
    <rPh sb="3" eb="5">
      <t>シュウシ</t>
    </rPh>
    <rPh sb="5" eb="6">
      <t>トウ</t>
    </rPh>
    <phoneticPr fontId="1"/>
  </si>
  <si>
    <t>-</t>
    <phoneticPr fontId="2"/>
  </si>
  <si>
    <t>（三崎漁港）本港特別泊地及び本港環境整備施設　　　　　　　　　　　　　　　　　　　　　　　　　　　　　　　　　　　　　　　　　　　　　　　　　　　　　　　　　　　　　　　　　　　　　　　　　　　　</t>
    <phoneticPr fontId="2"/>
  </si>
  <si>
    <t>（三崎漁港）宮川特別泊地、宮川一時停係泊特別泊地及び宮川環境整備施設</t>
    <phoneticPr fontId="2"/>
  </si>
  <si>
    <t>令和6年度は県直営施設として運営。</t>
    <rPh sb="0" eb="2">
      <t>レイワ</t>
    </rPh>
    <rPh sb="3" eb="4">
      <t>ネン</t>
    </rPh>
    <rPh sb="4" eb="5">
      <t>ド</t>
    </rPh>
    <rPh sb="6" eb="7">
      <t>ケン</t>
    </rPh>
    <rPh sb="7" eb="9">
      <t>チョクエイ</t>
    </rPh>
    <rPh sb="9" eb="11">
      <t>シセツ</t>
    </rPh>
    <rPh sb="14" eb="16">
      <t>ウンエイ</t>
    </rPh>
    <phoneticPr fontId="2"/>
  </si>
  <si>
    <t>利用者の意見も参考にしながら計画的に施設の修繕等を行い、利用者の利便性向上を図りました。また節電・節水等の取組に加え、電力契約の見直しを行うなど、経費節減に努めました。</t>
    <rPh sb="0" eb="3">
      <t>リヨウシャ</t>
    </rPh>
    <rPh sb="4" eb="6">
      <t>イケン</t>
    </rPh>
    <rPh sb="7" eb="9">
      <t>サンコウ</t>
    </rPh>
    <rPh sb="14" eb="17">
      <t>ケイカクテキ</t>
    </rPh>
    <rPh sb="18" eb="20">
      <t>シセツ</t>
    </rPh>
    <rPh sb="21" eb="23">
      <t>シュウゼン</t>
    </rPh>
    <rPh sb="23" eb="24">
      <t>トウ</t>
    </rPh>
    <rPh sb="25" eb="26">
      <t>オコナ</t>
    </rPh>
    <rPh sb="28" eb="31">
      <t>リヨウシャ</t>
    </rPh>
    <rPh sb="32" eb="37">
      <t>リベンセイコウジョウ</t>
    </rPh>
    <rPh sb="38" eb="39">
      <t>ハカ</t>
    </rPh>
    <rPh sb="46" eb="48">
      <t>セツデン</t>
    </rPh>
    <rPh sb="49" eb="51">
      <t>セッスイ</t>
    </rPh>
    <rPh sb="51" eb="52">
      <t>トウ</t>
    </rPh>
    <rPh sb="53" eb="55">
      <t>トリクミ</t>
    </rPh>
    <rPh sb="56" eb="57">
      <t>クワ</t>
    </rPh>
    <rPh sb="59" eb="61">
      <t>デンリョク</t>
    </rPh>
    <rPh sb="61" eb="63">
      <t>ケイヤク</t>
    </rPh>
    <rPh sb="64" eb="66">
      <t>ミナオ</t>
    </rPh>
    <rPh sb="68" eb="69">
      <t>オコナ</t>
    </rPh>
    <rPh sb="73" eb="75">
      <t>ケイヒ</t>
    </rPh>
    <rPh sb="75" eb="77">
      <t>セツゲン</t>
    </rPh>
    <rPh sb="78" eb="79">
      <t>ツト</t>
    </rPh>
    <phoneticPr fontId="2"/>
  </si>
  <si>
    <t>企業・公共団体に利用案内を送付して利用率向上を図りました。また、貸会議室等の通信機器の充実に努めました。</t>
    <phoneticPr fontId="2"/>
  </si>
  <si>
    <t>施設及び設備の貸出にあたっては、利用者との事前打合せを十分に行い、利用者のニーズに適確に対応しています。
相模湖駅前の情報掲示板、ホームページ、折込チラシ、県マグカルカレンダー等を活用し情報提供を行うことで、利用者の誘致を図りました。</t>
    <phoneticPr fontId="1"/>
  </si>
  <si>
    <t>施設の維持管理では、設備点検や定期清掃等の合併発注、同日実施などを行い、経費の削減を図りました。
また、別館で総合案内をワンストップで実施し利便性を向上させました。
更に、救急救命及び手話講習会、心のバリアフリー推進員養成研修に参加するなど、職員の資質向上や窓口対応の充実を図りました。
なお、昨年に続きイベント情報や施設の利用状況などを３施設で情報共有し、利用者への情報提供に努めました。</t>
    <rPh sb="83" eb="84">
      <t>サラ</t>
    </rPh>
    <phoneticPr fontId="1"/>
  </si>
  <si>
    <t>やまなみセンター別館は外壁塗装工事に伴い、令和６年７月～令和７年３月にかけて8.5ヶ月間閉館しました。閉館期間中は別館機能を本館２階に移転し、対応しました。</t>
    <rPh sb="8" eb="10">
      <t>ベッカン</t>
    </rPh>
    <rPh sb="11" eb="13">
      <t>ガイヘキ</t>
    </rPh>
    <rPh sb="13" eb="15">
      <t>トソウ</t>
    </rPh>
    <rPh sb="15" eb="17">
      <t>コウジ</t>
    </rPh>
    <rPh sb="18" eb="19">
      <t>トモナ</t>
    </rPh>
    <rPh sb="21" eb="23">
      <t>レイワ</t>
    </rPh>
    <rPh sb="24" eb="25">
      <t>ネン</t>
    </rPh>
    <rPh sb="26" eb="27">
      <t>ガツ</t>
    </rPh>
    <rPh sb="28" eb="30">
      <t>レイワ</t>
    </rPh>
    <rPh sb="31" eb="32">
      <t>ネン</t>
    </rPh>
    <rPh sb="33" eb="34">
      <t>ガツ</t>
    </rPh>
    <rPh sb="42" eb="43">
      <t>ゲツ</t>
    </rPh>
    <rPh sb="43" eb="44">
      <t>カン</t>
    </rPh>
    <rPh sb="44" eb="46">
      <t>ヘイカン</t>
    </rPh>
    <rPh sb="51" eb="55">
      <t>ヘイカンキカン</t>
    </rPh>
    <rPh sb="55" eb="56">
      <t>チュウ</t>
    </rPh>
    <rPh sb="57" eb="59">
      <t>ベッカン</t>
    </rPh>
    <rPh sb="59" eb="61">
      <t>キノウ</t>
    </rPh>
    <rPh sb="62" eb="64">
      <t>ホンカン</t>
    </rPh>
    <rPh sb="65" eb="66">
      <t>カイ</t>
    </rPh>
    <rPh sb="67" eb="69">
      <t>イテン</t>
    </rPh>
    <rPh sb="71" eb="73">
      <t>タイオウ</t>
    </rPh>
    <phoneticPr fontId="1"/>
  </si>
  <si>
    <t>野外でのコンサートを実施して保土ケ谷公園利用者を呼び込む等、新たな客層へのアプローチにも取り組んだ結果、利用者数が前年度に比べて伸びています。</t>
    <rPh sb="0" eb="2">
      <t>ヤガイ</t>
    </rPh>
    <rPh sb="52" eb="54">
      <t>リヨウ</t>
    </rPh>
    <rPh sb="54" eb="55">
      <t>シャ</t>
    </rPh>
    <rPh sb="55" eb="56">
      <t>スウ</t>
    </rPh>
    <rPh sb="57" eb="60">
      <t>ゼンネンド</t>
    </rPh>
    <rPh sb="61" eb="62">
      <t>クラ</t>
    </rPh>
    <rPh sb="64" eb="65">
      <t>ノ</t>
    </rPh>
    <phoneticPr fontId="2"/>
  </si>
  <si>
    <t>指定管理者である（公財）神奈川芸術文化財団の本部に設置されている社会連携ポータル部門において、３館の専門人材育成、学校教育へのアプローチ、人々が芸術文化に親しめるインクルーシブアプローチ、地域連携強化機能等を集約して、効率的、効果的に取組を進めました。具体的には、主催事業における点字・白黒反転版プログラムの配布、ヒアリングループ席の設置、多言語によるチラシの作成、鑑賞機会が少ない子どもたちの公演への招待、インターン・研修生の受入などを行いました。また、各館の事業については、文化庁等からの補助金・助成金や協賛金の確保による収入増を図りました。</t>
    <rPh sb="25" eb="27">
      <t>セッチ</t>
    </rPh>
    <phoneticPr fontId="2"/>
  </si>
  <si>
    <t>県民ホール（本館）は令和７年４月１日から休館しています。</t>
    <rPh sb="0" eb="2">
      <t>ケンミン</t>
    </rPh>
    <rPh sb="6" eb="8">
      <t>ホンカン</t>
    </rPh>
    <rPh sb="10" eb="12">
      <t>レイワ</t>
    </rPh>
    <rPh sb="13" eb="14">
      <t>ネン</t>
    </rPh>
    <rPh sb="15" eb="16">
      <t>ガツ</t>
    </rPh>
    <rPh sb="17" eb="18">
      <t>ニチ</t>
    </rPh>
    <rPh sb="20" eb="22">
      <t>キュウカン</t>
    </rPh>
    <phoneticPr fontId="2"/>
  </si>
  <si>
    <t>　オンラインゲームやコミックスとのコラボにより若年層の来館者が増加し、客層を広げることができました。
　また、学会の共催や学校連携事業を積極的に行うことで、研究者や学生の来館者が増えるとともに、会議室の利用率アップにもつなげることができました。</t>
    <rPh sb="27" eb="30">
      <t>ライカンシャ</t>
    </rPh>
    <rPh sb="31" eb="33">
      <t>ゾウカ</t>
    </rPh>
    <rPh sb="35" eb="37">
      <t>キャクソウ</t>
    </rPh>
    <rPh sb="38" eb="39">
      <t>ヒロ</t>
    </rPh>
    <rPh sb="61" eb="63">
      <t>ガッコウ</t>
    </rPh>
    <rPh sb="63" eb="65">
      <t>レンケイ</t>
    </rPh>
    <rPh sb="65" eb="67">
      <t>ジギョウ</t>
    </rPh>
    <rPh sb="78" eb="81">
      <t>ケンキュウシャ</t>
    </rPh>
    <rPh sb="82" eb="84">
      <t>ガクセイ</t>
    </rPh>
    <rPh sb="85" eb="88">
      <t>ライカンシャ</t>
    </rPh>
    <rPh sb="89" eb="90">
      <t>ゾウ</t>
    </rPh>
    <rPh sb="97" eb="100">
      <t>カイギシツ</t>
    </rPh>
    <phoneticPr fontId="2"/>
  </si>
  <si>
    <t>コロナ禍以前の水準には達していないものの、基本的な感染症対策を実施しながら、子どもから大人までを対象にした事業の企画や関連企画の実施などに取り組んだ結果、年間利用者数が増加しました。</t>
    <phoneticPr fontId="2"/>
  </si>
  <si>
    <t>開館日の拡大や自主事業の実施に加え、ウェブサイトやSNSを活用した広報に取り組んだ結果、前年度比104.7％の利用者数となりました。自主事業については、子どもや高齢者、障がい者等の幅広い層を対象とした「スポーツ教室＆カルチャー教室」やセミナーを実施し、施設の利用促進に努めています。また昨年度に引き続き、館内のＬＥＤ照明化を進め、経費節減を図りました。</t>
    <rPh sb="66" eb="68">
      <t>ジシュ</t>
    </rPh>
    <rPh sb="68" eb="70">
      <t>ジギョウ</t>
    </rPh>
    <rPh sb="143" eb="146">
      <t>サクネンド</t>
    </rPh>
    <rPh sb="147" eb="148">
      <t>ヒ</t>
    </rPh>
    <rPh sb="149" eb="150">
      <t>ツヅ</t>
    </rPh>
    <rPh sb="152" eb="154">
      <t>カンナイ</t>
    </rPh>
    <rPh sb="158" eb="160">
      <t>ショウメイ</t>
    </rPh>
    <rPh sb="160" eb="161">
      <t>カ</t>
    </rPh>
    <rPh sb="162" eb="163">
      <t>スス</t>
    </rPh>
    <rPh sb="165" eb="167">
      <t>ケイヒ</t>
    </rPh>
    <rPh sb="167" eb="169">
      <t>セツゲン</t>
    </rPh>
    <rPh sb="170" eb="171">
      <t>ハカ</t>
    </rPh>
    <phoneticPr fontId="2"/>
  </si>
  <si>
    <t xml:space="preserve">武道教室の開催や効果的な自主事業を継続的に実施し、武道館の利用促進に努めました。また、施設利用者の要望等に迅速に対応しました。
大規模改修工事により空調設備を導入したことで、光熱費が増加したものの、節電等に取り組み、経費節減を図りました。
</t>
    <rPh sb="0" eb="2">
      <t>ブドウ</t>
    </rPh>
    <rPh sb="2" eb="4">
      <t>キョウシツ</t>
    </rPh>
    <rPh sb="5" eb="7">
      <t>カイサイ</t>
    </rPh>
    <rPh sb="8" eb="11">
      <t>コウカテキ</t>
    </rPh>
    <rPh sb="12" eb="14">
      <t>ジシュ</t>
    </rPh>
    <rPh sb="14" eb="16">
      <t>ジギョウ</t>
    </rPh>
    <rPh sb="17" eb="20">
      <t>ケイゾクテキ</t>
    </rPh>
    <rPh sb="21" eb="23">
      <t>ジッシ</t>
    </rPh>
    <rPh sb="25" eb="28">
      <t>ブドウカン</t>
    </rPh>
    <rPh sb="29" eb="31">
      <t>リヨウ</t>
    </rPh>
    <rPh sb="31" eb="33">
      <t>ソクシン</t>
    </rPh>
    <rPh sb="34" eb="35">
      <t>ツト</t>
    </rPh>
    <rPh sb="43" eb="45">
      <t>シセツ</t>
    </rPh>
    <rPh sb="45" eb="47">
      <t>リヨウ</t>
    </rPh>
    <rPh sb="47" eb="48">
      <t>シャ</t>
    </rPh>
    <rPh sb="49" eb="51">
      <t>ヨウボウ</t>
    </rPh>
    <rPh sb="51" eb="52">
      <t>トウ</t>
    </rPh>
    <rPh sb="53" eb="55">
      <t>ジンソク</t>
    </rPh>
    <rPh sb="56" eb="58">
      <t>タイオウ</t>
    </rPh>
    <rPh sb="64" eb="67">
      <t>ダイキボ</t>
    </rPh>
    <rPh sb="67" eb="69">
      <t>カイシュウ</t>
    </rPh>
    <rPh sb="69" eb="71">
      <t>コウジ</t>
    </rPh>
    <rPh sb="74" eb="76">
      <t>クウチョウ</t>
    </rPh>
    <rPh sb="76" eb="78">
      <t>セツビ</t>
    </rPh>
    <rPh sb="79" eb="81">
      <t>ドウニュウ</t>
    </rPh>
    <rPh sb="87" eb="90">
      <t>コウネツヒ</t>
    </rPh>
    <rPh sb="91" eb="93">
      <t>ゾウカ</t>
    </rPh>
    <rPh sb="99" eb="101">
      <t>セツデン</t>
    </rPh>
    <rPh sb="101" eb="102">
      <t>トウ</t>
    </rPh>
    <rPh sb="103" eb="104">
      <t>ト</t>
    </rPh>
    <rPh sb="105" eb="106">
      <t>ク</t>
    </rPh>
    <rPh sb="108" eb="110">
      <t>ケイヒ</t>
    </rPh>
    <rPh sb="110" eb="112">
      <t>セツゲン</t>
    </rPh>
    <rPh sb="113" eb="114">
      <t>ハカ</t>
    </rPh>
    <phoneticPr fontId="2"/>
  </si>
  <si>
    <t>県民や地域住民への定期的な施設情報の広報活動に努めました。
開場日や開場時間の拡大を図り利便性を高めました。
様々な年代の利用者に満足頂ける自主事業の実施に努めることにより、利用促進を図り参加者数を伸ばすなどの成果を上げることができました。</t>
    <rPh sb="55" eb="57">
      <t>サマザマ</t>
    </rPh>
    <rPh sb="58" eb="60">
      <t>ネンダイ</t>
    </rPh>
    <phoneticPr fontId="2"/>
  </si>
  <si>
    <t>利用者に対する適切な指導やサポートを徹底しており、安全・安心、快適に利用できる施設です。射撃場利用者のスキルアップや競技者としての育成を進めています。
また、施設のサービス向上や体験会の開催等を通じ、ライフル射撃場の利用者数を増加させることができました。</t>
    <rPh sb="0" eb="3">
      <t>リヨウシャ</t>
    </rPh>
    <rPh sb="4" eb="5">
      <t>タイ</t>
    </rPh>
    <rPh sb="7" eb="9">
      <t>テキセツ</t>
    </rPh>
    <rPh sb="10" eb="12">
      <t>シドウ</t>
    </rPh>
    <rPh sb="18" eb="20">
      <t>テッテイ</t>
    </rPh>
    <rPh sb="25" eb="27">
      <t>アンゼン</t>
    </rPh>
    <rPh sb="28" eb="30">
      <t>アンシン</t>
    </rPh>
    <rPh sb="31" eb="33">
      <t>カイテキ</t>
    </rPh>
    <rPh sb="34" eb="36">
      <t>リヨウ</t>
    </rPh>
    <rPh sb="39" eb="41">
      <t>シセツ</t>
    </rPh>
    <rPh sb="44" eb="47">
      <t>シャゲキジョウ</t>
    </rPh>
    <rPh sb="47" eb="50">
      <t>リヨウシャ</t>
    </rPh>
    <rPh sb="58" eb="61">
      <t>キョウギシャ</t>
    </rPh>
    <rPh sb="65" eb="67">
      <t>イクセイ</t>
    </rPh>
    <rPh sb="68" eb="69">
      <t>スス</t>
    </rPh>
    <rPh sb="79" eb="81">
      <t>シセツ</t>
    </rPh>
    <rPh sb="86" eb="88">
      <t>コウジョウ</t>
    </rPh>
    <rPh sb="89" eb="91">
      <t>タイケン</t>
    </rPh>
    <rPh sb="91" eb="92">
      <t>カイ</t>
    </rPh>
    <rPh sb="93" eb="95">
      <t>カイサイ</t>
    </rPh>
    <rPh sb="95" eb="96">
      <t>トウ</t>
    </rPh>
    <rPh sb="97" eb="98">
      <t>ツウ</t>
    </rPh>
    <rPh sb="104" eb="106">
      <t>シャゲキ</t>
    </rPh>
    <rPh sb="106" eb="107">
      <t>バ</t>
    </rPh>
    <rPh sb="108" eb="110">
      <t>リヨウ</t>
    </rPh>
    <rPh sb="110" eb="111">
      <t>シャ</t>
    </rPh>
    <rPh sb="111" eb="112">
      <t>スウ</t>
    </rPh>
    <rPh sb="113" eb="115">
      <t>ゾウカ</t>
    </rPh>
    <phoneticPr fontId="2"/>
  </si>
  <si>
    <t xml:space="preserve">SNSを活用した積極的な情報発信を行い、利用促進に努めました。競技人口の拡大のため、県山岳連盟と連携したスピードクライミング大会を開催しました。
燃料価格高騰に伴う施設維持管理費の上昇があったものの、節電等に取り組み、経費節減に取り組みました。
</t>
    <rPh sb="4" eb="6">
      <t>カツヨウ</t>
    </rPh>
    <rPh sb="8" eb="11">
      <t>セッキョクテキ</t>
    </rPh>
    <rPh sb="12" eb="16">
      <t>ジョウホウハッシン</t>
    </rPh>
    <rPh sb="17" eb="18">
      <t>オコナ</t>
    </rPh>
    <rPh sb="20" eb="22">
      <t>リヨウ</t>
    </rPh>
    <rPh sb="22" eb="24">
      <t>ソクシン</t>
    </rPh>
    <rPh sb="25" eb="26">
      <t>ツト</t>
    </rPh>
    <rPh sb="31" eb="33">
      <t>キョウギ</t>
    </rPh>
    <rPh sb="33" eb="35">
      <t>ジンコウ</t>
    </rPh>
    <rPh sb="36" eb="38">
      <t>カクダイ</t>
    </rPh>
    <rPh sb="42" eb="43">
      <t>ケン</t>
    </rPh>
    <rPh sb="43" eb="45">
      <t>サンガク</t>
    </rPh>
    <rPh sb="45" eb="47">
      <t>レンメイ</t>
    </rPh>
    <rPh sb="48" eb="50">
      <t>レンケイ</t>
    </rPh>
    <rPh sb="62" eb="64">
      <t>タイカイ</t>
    </rPh>
    <rPh sb="65" eb="67">
      <t>カイサイ</t>
    </rPh>
    <rPh sb="73" eb="75">
      <t>ネンリョウ</t>
    </rPh>
    <rPh sb="75" eb="77">
      <t>カカク</t>
    </rPh>
    <rPh sb="77" eb="79">
      <t>コウトウ</t>
    </rPh>
    <rPh sb="80" eb="81">
      <t>トモナ</t>
    </rPh>
    <rPh sb="82" eb="84">
      <t>シセツ</t>
    </rPh>
    <rPh sb="84" eb="86">
      <t>イジ</t>
    </rPh>
    <rPh sb="86" eb="88">
      <t>カンリ</t>
    </rPh>
    <rPh sb="88" eb="89">
      <t>ヒ</t>
    </rPh>
    <rPh sb="90" eb="92">
      <t>ジョウショウ</t>
    </rPh>
    <rPh sb="100" eb="102">
      <t>セツデン</t>
    </rPh>
    <rPh sb="102" eb="103">
      <t>トウ</t>
    </rPh>
    <rPh sb="104" eb="105">
      <t>ト</t>
    </rPh>
    <rPh sb="106" eb="107">
      <t>ク</t>
    </rPh>
    <rPh sb="109" eb="111">
      <t>ケイヒ</t>
    </rPh>
    <rPh sb="111" eb="113">
      <t>セツゲン</t>
    </rPh>
    <rPh sb="114" eb="115">
      <t>ト</t>
    </rPh>
    <rPh sb="116" eb="117">
      <t>ク</t>
    </rPh>
    <phoneticPr fontId="2"/>
  </si>
  <si>
    <t>各種大会に加えて、一般向けのイベント等を開催し、施設の利用促進を図りました。また、艇及びモーターボートの保守点検や修繕について、できる限り指定管理者内の経験のある職員により対応することにより、経費節減と利用環境の改善に努めています。</t>
    <rPh sb="5" eb="6">
      <t>クワ</t>
    </rPh>
    <rPh sb="9" eb="12">
      <t>イッパンム</t>
    </rPh>
    <rPh sb="18" eb="19">
      <t>トウ</t>
    </rPh>
    <rPh sb="57" eb="59">
      <t>シュウゼン</t>
    </rPh>
    <phoneticPr fontId="2"/>
  </si>
  <si>
    <t>地域と連携しながら「秦野戸川公園まつり」等のイベントを開催し、公園の魅力を発信するとともに、年間を通じて様々な花が楽しめるよう、こまめな植生管理を行い、利用者サービスの向上を図りました。</t>
    <rPh sb="87" eb="88">
      <t>ハカ</t>
    </rPh>
    <phoneticPr fontId="2"/>
  </si>
  <si>
    <t>実施計画書の大規模イベントを確実に実施するとともに、新規のイベントを追加し、利用者の安全性の確保、及び美観上の観点から、積極的に修繕工事を実施するなど、利用者サービスの向上を図りました。</t>
    <rPh sb="0" eb="5">
      <t>ジッシケイカクショ</t>
    </rPh>
    <rPh sb="14" eb="16">
      <t>カクジツ</t>
    </rPh>
    <rPh sb="17" eb="19">
      <t>ジッシ</t>
    </rPh>
    <rPh sb="26" eb="28">
      <t>シンキ</t>
    </rPh>
    <rPh sb="34" eb="36">
      <t>ツイカ</t>
    </rPh>
    <rPh sb="87" eb="88">
      <t>ハカ</t>
    </rPh>
    <phoneticPr fontId="2"/>
  </si>
  <si>
    <t>園内の山野草を観察するイベントの開催や、新たに地元町内会の親子を対象とした花火イベントを企画する等、公園の魅力向上を図りました。
また、サクラの樹勢回復を目的としたテング巣病対策の実施等植物の保護に取り組みました。</t>
    <rPh sb="58" eb="59">
      <t>ハカ</t>
    </rPh>
    <phoneticPr fontId="2"/>
  </si>
  <si>
    <t>クロマツの保全や芝生広場の適切な管理に加え、近隣施設と連携したスタンプラリーの実施など、利用者サービスの向上を図り、地域の活性化に貢献しました。</t>
    <rPh sb="55" eb="56">
      <t>ハカ</t>
    </rPh>
    <phoneticPr fontId="2"/>
  </si>
  <si>
    <t>丸太階段の点検補修や近隣施設と連携したスタンプラリーの実施、地元NPO法人と連携した親子向けのハイキングイベントの開催など、利用者サービスの向上や地域連携に取り組みました。</t>
    <rPh sb="35" eb="37">
      <t>ホウジン</t>
    </rPh>
    <phoneticPr fontId="2"/>
  </si>
  <si>
    <t>公園主催のイベントや高校野球の大会、区民まつりなどの開催調整や、専門家を交えた高品質な運動施設の管理及び植物管理に積極的に取り組んだことに加え、地元のスポーツ団体や福祉協議会、高校と協働で運営管理を行うなど、利用者サービスや地域連携のさらなる向上を図りました。</t>
    <rPh sb="48" eb="50">
      <t>カンリ</t>
    </rPh>
    <rPh sb="69" eb="70">
      <t>クワ</t>
    </rPh>
    <rPh sb="124" eb="125">
      <t>ハカ</t>
    </rPh>
    <phoneticPr fontId="2"/>
  </si>
  <si>
    <t>「桜樹再生計画」に基づいたサクラの再生に向けた取組を継続的に行い、「第40回都市公園等コンクール」で表彰され成果を着実に出しているほか、適切な熱中症対策や積極的な施設管理・植物管理、イベントの実施により、利用者サービスのさらなる向上を図りました。</t>
    <rPh sb="117" eb="118">
      <t>ハカ</t>
    </rPh>
    <phoneticPr fontId="2"/>
  </si>
  <si>
    <t>清潔で快適な利用空間の確保に向け、施設の維持修繕、園内清掃や堆砂除去などの管理運営を行い、利用者サービスのさらなる向上を図りました。</t>
    <rPh sb="60" eb="61">
      <t>ハカ</t>
    </rPh>
    <phoneticPr fontId="2"/>
  </si>
  <si>
    <t>SNSを活用した広報や、地元観光協会のボランティアガイドによる公園案内サービス、農水産物販売といった利用促進に努めたほか、公園の魅力となるクロマツやスイセンの維持管理により、利用者サービスの向上を図りました。</t>
    <phoneticPr fontId="2"/>
  </si>
  <si>
    <t>庭園美と眺望との調和を生かすきめ細やかな庭園管理、バラ・牡丹など季節の花展示、公園ガイドツアーの開催など、公園の魅力向上と利用者へのサービスの向上を図りました。
駐車場収入が収支に大きく影響することから、公園利用者が増えるよう、ホームページやSNS、地元メディアや観光協会など、情報発信を幅広く行い、収入の増加を図りました。</t>
    <phoneticPr fontId="2"/>
  </si>
  <si>
    <t>アウトドアスポーツ体験プログラム等の開催や、交通公園や交通展示館での参加型イベントを開催するなど地域と連携した公園づくりを行い、利用者サービスの向上及び公園の魅力向上を図りました。</t>
    <rPh sb="84" eb="85">
      <t>ハカ</t>
    </rPh>
    <phoneticPr fontId="2"/>
  </si>
  <si>
    <t>健康づくりプログラム等を開催するなど、利用者サービスの向上を図りました。</t>
    <rPh sb="30" eb="31">
      <t>ハカ</t>
    </rPh>
    <phoneticPr fontId="2"/>
  </si>
  <si>
    <t>公園の貴重な自然や歴史を学ぶガイドツアーや地元共催による観音崎フェスタ等を開催したほか、高齢者向けEVトライクを活用し、公園の魅力と利用者サービスの向上を図りました。
また、継続して地元ボランティア等と協力し、希少植物の保護に取り組みました。</t>
    <rPh sb="77" eb="78">
      <t>ハカ</t>
    </rPh>
    <phoneticPr fontId="2"/>
  </si>
  <si>
    <t>園内の自然的資源・歴史的資源を活用した体験会や教室の開催、地域と連携した大規模イベントの開催など、公園の利用促進と利用者サービスの向上を図りました。</t>
    <rPh sb="68" eb="69">
      <t>ハカ</t>
    </rPh>
    <phoneticPr fontId="2"/>
  </si>
  <si>
    <t>実施計画書の大規模イベントを確実に実施するとともに、ボランティア団体と協力して様々なイベントを開催し、また、花修景を強化するなど、利用促進・公園の魅力向上に努め、利用者サービスの向上を図りました。</t>
    <rPh sb="0" eb="5">
      <t>ジッシケイカクショ</t>
    </rPh>
    <rPh sb="14" eb="16">
      <t>カクジツ</t>
    </rPh>
    <rPh sb="17" eb="19">
      <t>ジッシ</t>
    </rPh>
    <rPh sb="32" eb="34">
      <t>ダンタイ</t>
    </rPh>
    <rPh sb="35" eb="37">
      <t>キョウリョク</t>
    </rPh>
    <rPh sb="39" eb="41">
      <t>サマザマ</t>
    </rPh>
    <rPh sb="47" eb="49">
      <t>カイサイ</t>
    </rPh>
    <rPh sb="54" eb="55">
      <t>ハナ</t>
    </rPh>
    <rPh sb="55" eb="57">
      <t>シュウケイ</t>
    </rPh>
    <rPh sb="58" eb="60">
      <t>キョウカ</t>
    </rPh>
    <phoneticPr fontId="2"/>
  </si>
  <si>
    <t>ヤマユリの繁殖といった取組を進め、園路の魅力向上を図りました。VRゴーグルを管理休憩棟に設置し、園内散歩の疑似体験コーナーを設け、サービスの向上を図りました。樹林伐採を工夫して実施し、眺望の改善を図り、サービスの向上を図りました。
城山庵は多目的利用も可能であることを㏚し、貸出し需要の拡大を図りました。園内の大磯町の施設（郷土資料館、旧吉田茂邸）と連携し、イベントや講座等の広報を相互協力することで、利用者数、駐車場利用収入等の拡大を図りました。</t>
    <rPh sb="73" eb="74">
      <t>ハカ</t>
    </rPh>
    <rPh sb="109" eb="110">
      <t>ハカ</t>
    </rPh>
    <rPh sb="146" eb="147">
      <t>ハカ</t>
    </rPh>
    <rPh sb="218" eb="219">
      <t>ハカ</t>
    </rPh>
    <phoneticPr fontId="2"/>
  </si>
  <si>
    <t xml:space="preserve">地元自治会等との協働イベント「緑のまつり」の開催、地元観光協会等と共催の秋のイベント「森のまつり」の開催に取り組み、地元との連携を図りました。
管理事務所前の緑のカーテン設置による夏場の電気使用量低減、軽微な修繕を施設職員による直営作業により経費節減を図りました。
</t>
    <rPh sb="65" eb="66">
      <t>ハカ</t>
    </rPh>
    <rPh sb="126" eb="127">
      <t>ハカ</t>
    </rPh>
    <phoneticPr fontId="2"/>
  </si>
  <si>
    <t>「里山管理計画」に基づいた間伐や外来種の除去といった良好な樹林地管理や、新規イベントや５年ぶりとなる公園まつりなど利用促進事業を積極的に進め、利用者サービスのさらなる向上を図りました。</t>
    <rPh sb="59" eb="61">
      <t>ソクシン</t>
    </rPh>
    <rPh sb="86" eb="87">
      <t>ハカ</t>
    </rPh>
    <phoneticPr fontId="2"/>
  </si>
  <si>
    <t>公園運営会議やボランティアと連携・協働し、動植物のモニタリング調査、外来生物の防除活動など丁寧な保全活動に取り組みました。ナラ枯れの危険木について実態把握に努め、枯損木処理やトラップ設置の対策を行いました。また、自然観察会など公園の自然環境を生かしたイベントを開催するなど、利用促進にも努め、利用者サービスの向上を図りました。</t>
    <phoneticPr fontId="2"/>
  </si>
  <si>
    <t>谷戸田と樹林地が一体となった里山風景を残す公園として、各種団体との里山保全活動の協働作業、学校と連携した農体験活動や地域振興を目的としたイベントの開催など、公園の魅力向上及び利用者サービスの向上を図りました。</t>
    <rPh sb="98" eb="99">
      <t>ハカ</t>
    </rPh>
    <phoneticPr fontId="2"/>
  </si>
  <si>
    <t>「県立あいかわ公園利用活性化連絡会」を継続的に開催し、地域との連携に取組み、「リアルサンタをさがせ」など連携イベントの拡充を図りました。
小中学校へのダイレクトメール、ＤＭＯエリアにおける相互連携としてのイベントチラシの配架、町広報誌掲載、地元回覧などあらゆる手段で積極的な広報活動に取組み、収入の増加を図りました。</t>
    <rPh sb="19" eb="22">
      <t>ケイゾクテキ</t>
    </rPh>
    <rPh sb="23" eb="25">
      <t>カイサイ</t>
    </rPh>
    <rPh sb="27" eb="29">
      <t>チイキ</t>
    </rPh>
    <rPh sb="31" eb="33">
      <t>レンケイ</t>
    </rPh>
    <rPh sb="34" eb="35">
      <t>ト</t>
    </rPh>
    <rPh sb="35" eb="36">
      <t>ク</t>
    </rPh>
    <rPh sb="110" eb="112">
      <t>ハイカ</t>
    </rPh>
    <rPh sb="142" eb="143">
      <t>ト</t>
    </rPh>
    <rPh sb="143" eb="144">
      <t>ク</t>
    </rPh>
    <rPh sb="146" eb="148">
      <t>シュウニュウ</t>
    </rPh>
    <rPh sb="149" eb="151">
      <t>ゾウカ</t>
    </rPh>
    <rPh sb="152" eb="153">
      <t>ハカ</t>
    </rPh>
    <phoneticPr fontId="2"/>
  </si>
  <si>
    <t>芝生や草花が整えられ、こまめなグラウンド整備、季節の行事に合わせた展示や飾り付けといった維持管理・利用促進に努めました。また、野鳥観察会や相模川流域見学会の開催など河川環境教育を実施するとともに、河川区域内の公園のため水防配備体制を整え、地元自治会と共同で防災訓練を実施するなど、災害に備える体制づくりに努めました。</t>
    <phoneticPr fontId="2"/>
  </si>
  <si>
    <t>ボランティア団体と協働で来園者の収穫体験や未病改善イベントを開催し、来園者の健康に対する意識向上を図りました。
植物管理に関して、芝刈り機等機械施工の範囲を見直し、経費節減を図りました。</t>
    <phoneticPr fontId="2"/>
  </si>
  <si>
    <t>職員のスキルを活かした直営での修繕や清掃を行うことで、経費の抑制を図りました。
広大な広場を活用したスポーツイベントを開催することで、地域住民の健康増進に貢献し、県民サービスの向上を図りました。さらに、地元団体と協力しイベントを開催することで、地域交流の機会創出に貢献しました。</t>
    <rPh sb="81" eb="83">
      <t>ケンミン</t>
    </rPh>
    <rPh sb="88" eb="90">
      <t>コウジョウ</t>
    </rPh>
    <rPh sb="91" eb="92">
      <t>ハカ</t>
    </rPh>
    <phoneticPr fontId="2"/>
  </si>
  <si>
    <t>NPO法人から講師を招いたお茶摘み体験や、絵本原画展の作家を講師とした自然観察会など、公園の環境を活かした多くのイベントを開催し、利用者サービスの向上を図りました。また、SNSなどを活用し、様々なイベントを広く情報発信することで、新規利用者の確保を図りました。</t>
    <rPh sb="124" eb="125">
      <t>ハカ</t>
    </rPh>
    <phoneticPr fontId="2"/>
  </si>
  <si>
    <t>NPO法人と連携した障害の有無や年齢にかかわらず安心して乗船できるヨットによる体験会や地域と連携した江の島ハーバーフェスティバルの運営補助など、港の利用促進や地域連携に取り組みました。</t>
    <rPh sb="43" eb="45">
      <t>チイキ</t>
    </rPh>
    <rPh sb="46" eb="48">
      <t>レンケイ</t>
    </rPh>
    <rPh sb="67" eb="69">
      <t>ホジョ</t>
    </rPh>
    <rPh sb="72" eb="73">
      <t>ミナト</t>
    </rPh>
    <rPh sb="74" eb="76">
      <t>リヨウ</t>
    </rPh>
    <rPh sb="76" eb="78">
      <t>ソクシン</t>
    </rPh>
    <rPh sb="79" eb="81">
      <t>チイキ</t>
    </rPh>
    <rPh sb="81" eb="83">
      <t>レンケイ</t>
    </rPh>
    <rPh sb="84" eb="85">
      <t>ト</t>
    </rPh>
    <rPh sb="86" eb="87">
      <t>ク</t>
    </rPh>
    <phoneticPr fontId="2"/>
  </si>
  <si>
    <t>ヨットレース等開催に協力し、計73回の競技大会を受け入れるなど、ヨット振興に取り組みました。
駐車場や会議室の利用促進に尽力し、利用料金の収入増となりました。</t>
    <rPh sb="24" eb="25">
      <t>ウ</t>
    </rPh>
    <rPh sb="26" eb="27">
      <t>イ</t>
    </rPh>
    <rPh sb="38" eb="39">
      <t>ト</t>
    </rPh>
    <rPh sb="40" eb="41">
      <t>ク</t>
    </rPh>
    <phoneticPr fontId="2"/>
  </si>
  <si>
    <t>中心業務である岸壁や荷さばき地の利用承認業務や港湾の維持管理業務を着実に実施したほか、令和６年度から新たにドッグランやガーデニングイベント等を開催し、大磯港への更なる誘客と港の活性化に取り組みました。</t>
    <rPh sb="71" eb="73">
      <t>カイサイ</t>
    </rPh>
    <phoneticPr fontId="2"/>
  </si>
  <si>
    <t>利用料金制導入施設であり、県費負担がありません。</t>
    <phoneticPr fontId="2"/>
  </si>
  <si>
    <t>令和6年度は県直営施設として運営。</t>
    <phoneticPr fontId="2"/>
  </si>
  <si>
    <t>神奈川県女性自立支援施設</t>
    <rPh sb="0" eb="12">
      <t>カナガワケンジョセイジリツシエンシセツ</t>
    </rPh>
    <phoneticPr fontId="2"/>
  </si>
  <si>
    <t>障害者支援施設として、主に知的障害者に対して、入浴、排泄及び食事等の介護、生活等に関する相談及び助言その他の必要な日常生活上の支援等を行うため</t>
    <phoneticPr fontId="2"/>
  </si>
  <si>
    <t>園内に意思決定支援推進担当職員を配置し、利用者の意思決定支援と地域生活移行の推進に努めました。
入所施設機能の昼夜分離、分散化、利用者の地域社会との関わりのため、入所利用者が外部にある生活介護事業所等を利用しました。また、グループホームでの生活や通所事業所等での作業活動を体験するチャレンジ活動に取り組む等、地域生活移行の推進に努めました。</t>
    <rPh sb="3" eb="5">
      <t>イシ</t>
    </rPh>
    <rPh sb="5" eb="7">
      <t>ケッテイ</t>
    </rPh>
    <rPh sb="7" eb="9">
      <t>シエン</t>
    </rPh>
    <rPh sb="9" eb="11">
      <t>スイシン</t>
    </rPh>
    <rPh sb="11" eb="13">
      <t>タントウ</t>
    </rPh>
    <rPh sb="13" eb="15">
      <t>ショクイン</t>
    </rPh>
    <rPh sb="16" eb="18">
      <t>ハイチ</t>
    </rPh>
    <rPh sb="20" eb="23">
      <t>リヨウシャ</t>
    </rPh>
    <rPh sb="24" eb="26">
      <t>イシ</t>
    </rPh>
    <rPh sb="26" eb="28">
      <t>ケッテイ</t>
    </rPh>
    <rPh sb="28" eb="30">
      <t>シエン</t>
    </rPh>
    <rPh sb="31" eb="33">
      <t>チイキ</t>
    </rPh>
    <rPh sb="33" eb="35">
      <t>セイカツ</t>
    </rPh>
    <rPh sb="35" eb="37">
      <t>イコウ</t>
    </rPh>
    <rPh sb="38" eb="40">
      <t>スイシン</t>
    </rPh>
    <rPh sb="41" eb="42">
      <t>ツト</t>
    </rPh>
    <rPh sb="48" eb="50">
      <t>ニュウショ</t>
    </rPh>
    <rPh sb="50" eb="52">
      <t>シセツ</t>
    </rPh>
    <rPh sb="52" eb="54">
      <t>キノウ</t>
    </rPh>
    <rPh sb="55" eb="57">
      <t>チュウヤ</t>
    </rPh>
    <rPh sb="57" eb="59">
      <t>ブンリ</t>
    </rPh>
    <rPh sb="60" eb="63">
      <t>ブンサンカ</t>
    </rPh>
    <rPh sb="64" eb="67">
      <t>リヨウシャ</t>
    </rPh>
    <rPh sb="68" eb="72">
      <t>チイキシャカイ</t>
    </rPh>
    <rPh sb="74" eb="75">
      <t>カカ</t>
    </rPh>
    <rPh sb="81" eb="83">
      <t>ニュウショ</t>
    </rPh>
    <rPh sb="83" eb="86">
      <t>リヨウシャ</t>
    </rPh>
    <rPh sb="87" eb="89">
      <t>ガイブ</t>
    </rPh>
    <rPh sb="92" eb="94">
      <t>セイカツ</t>
    </rPh>
    <rPh sb="94" eb="96">
      <t>カイゴ</t>
    </rPh>
    <rPh sb="101" eb="103">
      <t>リヨウ</t>
    </rPh>
    <rPh sb="111" eb="117">
      <t>チイキセイカツイコウ</t>
    </rPh>
    <rPh sb="118" eb="120">
      <t>スイシン</t>
    </rPh>
    <rPh sb="160" eb="161">
      <t>ナド</t>
    </rPh>
    <rPh sb="162" eb="164">
      <t>チイキ</t>
    </rPh>
    <rPh sb="164" eb="166">
      <t>セイカツ</t>
    </rPh>
    <rPh sb="166" eb="168">
      <t>イコウ</t>
    </rPh>
    <phoneticPr fontId="2"/>
  </si>
  <si>
    <t>地域に向けたイベントの開催や、周辺地域行事への参加を進め、また、自立支援協議会主催の行事を施設で開くなど、地域とのつながりを深めました。
また、施設利用者の日中活動での地域清掃や、地元の理容店の活用など、利用者が地域の中で地域住民と触れ合う機会を増やしました。</t>
    <phoneticPr fontId="2"/>
  </si>
  <si>
    <t>聴覚障がい児者への情報提供、各種相談、手話通訳者・要約筆記者の養成や派遣等を実施することにより、聴覚障がい児者の社会参加の向上を図りました。</t>
    <phoneticPr fontId="2"/>
  </si>
  <si>
    <t>外部コンサルテーションや、外部講師による強度行動障害に関する研修を実施する等、重度・重複障害者等に対する専門的な支援に取り組みました。
また、県意思決定支援アドバイザー派遣事業の活用や、各プロジェクト（意思決定支援等地域生活移行推進、強度行動障害支援、日中活動・住環境についての検討）を進める等、当事者目線の支援の推進に努めました。</t>
    <rPh sb="37" eb="38">
      <t>ナド</t>
    </rPh>
    <rPh sb="46" eb="47">
      <t>シャ</t>
    </rPh>
    <rPh sb="47" eb="48">
      <t>トウ</t>
    </rPh>
    <rPh sb="49" eb="50">
      <t>タイ</t>
    </rPh>
    <rPh sb="59" eb="60">
      <t>ト</t>
    </rPh>
    <rPh sb="61" eb="62">
      <t>ク</t>
    </rPh>
    <rPh sb="72" eb="78">
      <t>イシケッテイシエン</t>
    </rPh>
    <rPh sb="93" eb="94">
      <t>カク</t>
    </rPh>
    <rPh sb="101" eb="103">
      <t>イシ</t>
    </rPh>
    <rPh sb="103" eb="105">
      <t>ケッテイ</t>
    </rPh>
    <rPh sb="105" eb="107">
      <t>シエン</t>
    </rPh>
    <rPh sb="107" eb="108">
      <t>トウ</t>
    </rPh>
    <rPh sb="108" eb="110">
      <t>チイキ</t>
    </rPh>
    <rPh sb="110" eb="112">
      <t>セイカツ</t>
    </rPh>
    <rPh sb="112" eb="114">
      <t>イコウ</t>
    </rPh>
    <rPh sb="114" eb="116">
      <t>スイシン</t>
    </rPh>
    <rPh sb="117" eb="123">
      <t>キョウドコウドウショウガイ</t>
    </rPh>
    <rPh sb="123" eb="125">
      <t>シエン</t>
    </rPh>
    <rPh sb="126" eb="128">
      <t>ニッチュウ</t>
    </rPh>
    <rPh sb="128" eb="130">
      <t>カツドウ</t>
    </rPh>
    <rPh sb="131" eb="134">
      <t>ジュウカンキョウ</t>
    </rPh>
    <rPh sb="139" eb="141">
      <t>ケントウ</t>
    </rPh>
    <rPh sb="143" eb="144">
      <t>スス</t>
    </rPh>
    <rPh sb="146" eb="147">
      <t>トウ</t>
    </rPh>
    <rPh sb="160" eb="161">
      <t>ツト</t>
    </rPh>
    <phoneticPr fontId="2"/>
  </si>
  <si>
    <t>短期入所の受入れを積極的に行い、新規利用者が増加しました。また、現入所者の地域生活移行の取組として、日中の過ごしの場を中心に充実を図り、近隣民間施設と協働したリサイクル活動の開始、生活介護事業所や就労継続支援Ｂ型への見学・体験を行い、外部への通所につなげました。</t>
    <rPh sb="0" eb="2">
      <t>タンキ</t>
    </rPh>
    <rPh sb="2" eb="4">
      <t>ニュウショ</t>
    </rPh>
    <rPh sb="5" eb="7">
      <t>ウケイ</t>
    </rPh>
    <rPh sb="9" eb="12">
      <t>セッキョクテキ</t>
    </rPh>
    <rPh sb="13" eb="14">
      <t>オコナ</t>
    </rPh>
    <rPh sb="16" eb="18">
      <t>シンキ</t>
    </rPh>
    <rPh sb="18" eb="21">
      <t>リヨウシャ</t>
    </rPh>
    <rPh sb="22" eb="24">
      <t>ゾウカ</t>
    </rPh>
    <rPh sb="32" eb="33">
      <t>ゲン</t>
    </rPh>
    <rPh sb="33" eb="36">
      <t>ニュウショシャ</t>
    </rPh>
    <rPh sb="37" eb="39">
      <t>チイキ</t>
    </rPh>
    <rPh sb="39" eb="41">
      <t>セイカツ</t>
    </rPh>
    <rPh sb="41" eb="43">
      <t>イコウ</t>
    </rPh>
    <rPh sb="44" eb="46">
      <t>トリク</t>
    </rPh>
    <rPh sb="50" eb="52">
      <t>ニッチュウ</t>
    </rPh>
    <rPh sb="53" eb="54">
      <t>ス</t>
    </rPh>
    <rPh sb="57" eb="58">
      <t>バ</t>
    </rPh>
    <rPh sb="59" eb="61">
      <t>チュウシン</t>
    </rPh>
    <rPh sb="62" eb="64">
      <t>ジュウジツ</t>
    </rPh>
    <rPh sb="65" eb="66">
      <t>ハカ</t>
    </rPh>
    <rPh sb="68" eb="70">
      <t>キンリン</t>
    </rPh>
    <rPh sb="70" eb="72">
      <t>ミンカン</t>
    </rPh>
    <rPh sb="72" eb="74">
      <t>シセツ</t>
    </rPh>
    <rPh sb="75" eb="77">
      <t>キョウドウ</t>
    </rPh>
    <rPh sb="84" eb="86">
      <t>カツドウ</t>
    </rPh>
    <rPh sb="87" eb="89">
      <t>カイシ</t>
    </rPh>
    <rPh sb="90" eb="92">
      <t>セイカツ</t>
    </rPh>
    <rPh sb="92" eb="94">
      <t>カイゴ</t>
    </rPh>
    <rPh sb="94" eb="97">
      <t>ジギョウショ</t>
    </rPh>
    <rPh sb="98" eb="104">
      <t>シュウロウケイゾクシエン</t>
    </rPh>
    <rPh sb="105" eb="106">
      <t>ガタ</t>
    </rPh>
    <rPh sb="108" eb="110">
      <t>ケンガク</t>
    </rPh>
    <rPh sb="111" eb="113">
      <t>タイケン</t>
    </rPh>
    <rPh sb="114" eb="115">
      <t>オコナ</t>
    </rPh>
    <rPh sb="117" eb="119">
      <t>ガイブ</t>
    </rPh>
    <rPh sb="121" eb="123">
      <t>ツウショ</t>
    </rPh>
    <phoneticPr fontId="2"/>
  </si>
  <si>
    <t>障害者支援施設として、主に知的障害者及び障害児に対して、入浴、排泄及び食事等の介護、生活等に関する相談及び助言その他の必要な日常生活上の支援等を行うため</t>
    <rPh sb="18" eb="19">
      <t>オヨ</t>
    </rPh>
    <rPh sb="20" eb="22">
      <t>ショウガイ</t>
    </rPh>
    <rPh sb="22" eb="23">
      <t>ジ</t>
    </rPh>
    <rPh sb="24" eb="25">
      <t>タイ</t>
    </rPh>
    <phoneticPr fontId="2"/>
  </si>
  <si>
    <t>支援員、医師、理学療法士、看護師、管理栄養士が連携し、リハビリテーションマネジメントや栄養ケアマネジメントを実施し、利用者の健康管理に努めました。
また、人員不足の中にあっても、勤務調整等の工夫をすることで職員の研修機会を確保し、職員の支援力や意識、モチベーションの向上にも努めました。
　</t>
    <rPh sb="0" eb="2">
      <t>シエン</t>
    </rPh>
    <rPh sb="2" eb="3">
      <t>イン</t>
    </rPh>
    <rPh sb="4" eb="6">
      <t>イシ</t>
    </rPh>
    <rPh sb="7" eb="12">
      <t>リガクリョウホウシ</t>
    </rPh>
    <rPh sb="13" eb="16">
      <t>カンゴシ</t>
    </rPh>
    <rPh sb="17" eb="19">
      <t>カンリ</t>
    </rPh>
    <rPh sb="19" eb="22">
      <t>エイヨウシ</t>
    </rPh>
    <rPh sb="23" eb="25">
      <t>レンケイ</t>
    </rPh>
    <rPh sb="43" eb="45">
      <t>エイヨウ</t>
    </rPh>
    <rPh sb="54" eb="56">
      <t>ジッシ</t>
    </rPh>
    <rPh sb="58" eb="61">
      <t>リヨウシャ</t>
    </rPh>
    <rPh sb="62" eb="64">
      <t>ケンコウ</t>
    </rPh>
    <rPh sb="64" eb="66">
      <t>カンリ</t>
    </rPh>
    <rPh sb="67" eb="68">
      <t>ツト</t>
    </rPh>
    <rPh sb="77" eb="79">
      <t>ジンイン</t>
    </rPh>
    <rPh sb="79" eb="81">
      <t>フソク</t>
    </rPh>
    <rPh sb="82" eb="83">
      <t>ナカ</t>
    </rPh>
    <rPh sb="89" eb="91">
      <t>キンム</t>
    </rPh>
    <rPh sb="91" eb="93">
      <t>チョウセイ</t>
    </rPh>
    <rPh sb="93" eb="94">
      <t>トウ</t>
    </rPh>
    <rPh sb="95" eb="97">
      <t>クフウ</t>
    </rPh>
    <rPh sb="103" eb="105">
      <t>ショクイン</t>
    </rPh>
    <rPh sb="106" eb="108">
      <t>ケンシュウ</t>
    </rPh>
    <rPh sb="108" eb="110">
      <t>キカイ</t>
    </rPh>
    <rPh sb="111" eb="113">
      <t>カクホ</t>
    </rPh>
    <rPh sb="115" eb="117">
      <t>ショクイン</t>
    </rPh>
    <rPh sb="118" eb="120">
      <t>シエン</t>
    </rPh>
    <rPh sb="120" eb="121">
      <t>リョク</t>
    </rPh>
    <rPh sb="122" eb="124">
      <t>イシキ</t>
    </rPh>
    <rPh sb="133" eb="135">
      <t>コウジョウ</t>
    </rPh>
    <rPh sb="137" eb="138">
      <t>ツト</t>
    </rPh>
    <phoneticPr fontId="2"/>
  </si>
  <si>
    <t>台風等の被害発生時に早期に対応することで利用者の安全確保に努めたほか、「木製の手作り楽器展示」や「おもちゃで学ぶ森のお仕事」など森林・林業に関する企画展示を行い、利用者の満足度向上に努めました。また、節電等により経費節減に努めました。</t>
    <rPh sb="0" eb="2">
      <t>タイフウ</t>
    </rPh>
    <rPh sb="2" eb="3">
      <t>トウ</t>
    </rPh>
    <rPh sb="4" eb="6">
      <t>ヒガイ</t>
    </rPh>
    <rPh sb="6" eb="8">
      <t>ハッセイ</t>
    </rPh>
    <rPh sb="8" eb="9">
      <t>ジ</t>
    </rPh>
    <rPh sb="10" eb="12">
      <t>ソウキ</t>
    </rPh>
    <rPh sb="13" eb="15">
      <t>タイオウ</t>
    </rPh>
    <rPh sb="20" eb="23">
      <t>リヨウシャ</t>
    </rPh>
    <rPh sb="24" eb="26">
      <t>アンゼン</t>
    </rPh>
    <rPh sb="26" eb="28">
      <t>カクホ</t>
    </rPh>
    <rPh sb="29" eb="30">
      <t>ツト</t>
    </rPh>
    <rPh sb="36" eb="38">
      <t>モクセイ</t>
    </rPh>
    <rPh sb="39" eb="41">
      <t>テヅク</t>
    </rPh>
    <rPh sb="42" eb="44">
      <t>ガッキ</t>
    </rPh>
    <rPh sb="44" eb="46">
      <t>テンジ</t>
    </rPh>
    <rPh sb="54" eb="55">
      <t>マナ</t>
    </rPh>
    <rPh sb="56" eb="57">
      <t>モリ</t>
    </rPh>
    <rPh sb="59" eb="61">
      <t>シゴト</t>
    </rPh>
    <rPh sb="64" eb="66">
      <t>シンリン</t>
    </rPh>
    <rPh sb="67" eb="69">
      <t>リンギョウ</t>
    </rPh>
    <rPh sb="70" eb="71">
      <t>カン</t>
    </rPh>
    <rPh sb="73" eb="75">
      <t>キカク</t>
    </rPh>
    <rPh sb="75" eb="77">
      <t>テンジ</t>
    </rPh>
    <rPh sb="78" eb="79">
      <t>オコナ</t>
    </rPh>
    <rPh sb="81" eb="84">
      <t>リヨウシャ</t>
    </rPh>
    <rPh sb="85" eb="88">
      <t>マンゾクド</t>
    </rPh>
    <rPh sb="88" eb="90">
      <t>コウジョウ</t>
    </rPh>
    <rPh sb="91" eb="92">
      <t>ツト</t>
    </rPh>
    <rPh sb="100" eb="102">
      <t>セツデン</t>
    </rPh>
    <rPh sb="102" eb="103">
      <t>トウ</t>
    </rPh>
    <rPh sb="106" eb="108">
      <t>ケイヒ</t>
    </rPh>
    <rPh sb="108" eb="110">
      <t>セツゲン</t>
    </rPh>
    <rPh sb="111" eb="112">
      <t>ツト</t>
    </rPh>
    <phoneticPr fontId="2"/>
  </si>
  <si>
    <t>利用者増を図るため、大型艇等、船の多様化が進む中、限られたスペースを有効に利用できるよう、工夫して係留サポートを行いました。また、駐車場自動精算機の故障により、復旧までの間、限られた時間帯のみの運営となり収入が減少しましたが、照明や空調の調整等、いっそうの経費節減を図りました。</t>
    <rPh sb="102" eb="104">
      <t>シュウニュウ</t>
    </rPh>
    <rPh sb="105" eb="107">
      <t>ゲンショウ</t>
    </rPh>
    <phoneticPr fontId="2"/>
  </si>
  <si>
    <t>施設利用に関する規定をはじめ、気象・海洋情報を見やすい場所に掲示し、悪天候の場合は利用者への周知を行いました。加えて漁港内は漁船が優先であることを利用者に指導し、トラブル防止を図りました。また、施設利用に支障のない範囲で、照明等を一部消灯するなどし、経費削減に努めました。</t>
    <rPh sb="0" eb="2">
      <t>シセツ</t>
    </rPh>
    <rPh sb="41" eb="44">
      <t>リヨウシャ</t>
    </rPh>
    <rPh sb="46" eb="48">
      <t>シュウチ</t>
    </rPh>
    <rPh sb="49" eb="50">
      <t>オコナ</t>
    </rPh>
    <rPh sb="55" eb="56">
      <t>クワ</t>
    </rPh>
    <rPh sb="88" eb="89">
      <t>ハカ</t>
    </rPh>
    <rPh sb="97" eb="99">
      <t>シセツ</t>
    </rPh>
    <rPh sb="99" eb="101">
      <t>リヨウ</t>
    </rPh>
    <rPh sb="102" eb="104">
      <t>シショウ</t>
    </rPh>
    <rPh sb="107" eb="109">
      <t>ハンイ</t>
    </rPh>
    <rPh sb="111" eb="114">
      <t>ショウメイトウ</t>
    </rPh>
    <rPh sb="115" eb="117">
      <t>イチブ</t>
    </rPh>
    <rPh sb="117" eb="119">
      <t>ショウトウ</t>
    </rPh>
    <rPh sb="125" eb="127">
      <t>ケイヒ</t>
    </rPh>
    <rPh sb="127" eb="129">
      <t>サクゲン</t>
    </rPh>
    <rPh sb="130" eb="131">
      <t>ツト</t>
    </rPh>
    <phoneticPr fontId="2"/>
  </si>
  <si>
    <t>引続きバラをはじめとする花きの展示事業や農作物の収穫体験事業が実施されました。併せて、恒例の季節イベントのブラッシュアップによる新規感の創出や夏の水遊び企画、「昭和レトロなモノ展」の開催等、事業者の工夫による新しいイベントが多数実施され、県民サービスの向上に努めました。
また、更新業務において各所建物の照明のLED化工事を実施し経費の削減を図りました。</t>
    <rPh sb="0" eb="2">
      <t>ヒキツヅ</t>
    </rPh>
    <rPh sb="12" eb="13">
      <t>カ</t>
    </rPh>
    <rPh sb="15" eb="17">
      <t>テンジ</t>
    </rPh>
    <rPh sb="17" eb="19">
      <t>ジギョウ</t>
    </rPh>
    <rPh sb="20" eb="23">
      <t>ノウサクモツ</t>
    </rPh>
    <rPh sb="24" eb="26">
      <t>シュウカク</t>
    </rPh>
    <rPh sb="26" eb="28">
      <t>タイケン</t>
    </rPh>
    <rPh sb="28" eb="30">
      <t>ジギョウ</t>
    </rPh>
    <rPh sb="31" eb="33">
      <t>ジッシ</t>
    </rPh>
    <rPh sb="39" eb="40">
      <t>アワ</t>
    </rPh>
    <rPh sb="43" eb="45">
      <t>コウレイ</t>
    </rPh>
    <rPh sb="46" eb="48">
      <t>キセツ</t>
    </rPh>
    <rPh sb="64" eb="66">
      <t>シンキ</t>
    </rPh>
    <rPh sb="66" eb="67">
      <t>カン</t>
    </rPh>
    <rPh sb="68" eb="70">
      <t>ソウシュツ</t>
    </rPh>
    <rPh sb="71" eb="72">
      <t>ナツ</t>
    </rPh>
    <rPh sb="73" eb="75">
      <t>ミズアソ</t>
    </rPh>
    <rPh sb="76" eb="78">
      <t>キカク</t>
    </rPh>
    <rPh sb="80" eb="82">
      <t>ショウワ</t>
    </rPh>
    <rPh sb="88" eb="89">
      <t>テン</t>
    </rPh>
    <rPh sb="91" eb="93">
      <t>カイサイ</t>
    </rPh>
    <rPh sb="93" eb="94">
      <t>ナド</t>
    </rPh>
    <rPh sb="95" eb="98">
      <t>ジギョウシャ</t>
    </rPh>
    <rPh sb="99" eb="101">
      <t>クフウ</t>
    </rPh>
    <rPh sb="104" eb="105">
      <t>アタラ</t>
    </rPh>
    <rPh sb="112" eb="114">
      <t>タスウ</t>
    </rPh>
    <rPh sb="114" eb="116">
      <t>ジッシ</t>
    </rPh>
    <rPh sb="119" eb="121">
      <t>ケンミン</t>
    </rPh>
    <rPh sb="126" eb="128">
      <t>コウジョウ</t>
    </rPh>
    <rPh sb="129" eb="130">
      <t>ツト</t>
    </rPh>
    <rPh sb="139" eb="141">
      <t>コウシン</t>
    </rPh>
    <rPh sb="141" eb="143">
      <t>ギョウム</t>
    </rPh>
    <rPh sb="147" eb="149">
      <t>カクショ</t>
    </rPh>
    <rPh sb="149" eb="151">
      <t>タテモノ</t>
    </rPh>
    <rPh sb="159" eb="161">
      <t>コウジ</t>
    </rPh>
    <rPh sb="165" eb="167">
      <t>ケイヒ</t>
    </rPh>
    <rPh sb="168" eb="170">
      <t>サクゲン</t>
    </rPh>
    <rPh sb="171" eb="172">
      <t>ハカ</t>
    </rPh>
    <phoneticPr fontId="2"/>
  </si>
  <si>
    <t>引続き適切な植栽管理により四季を通して花きを鑑賞できる施設運営が行われました。新たに開花すれば大きな話題性が期待できるショクダイオオコンニャクの導入やシャクナゲの増植に加え、冬季の開花植物のボリュームアップを目的にダイアモンドリリーを導入する等、県民サービスの向上に努めました。
また、経費削減の一助として施設の照明のLED化工事を実施しました。</t>
    <rPh sb="0" eb="2">
      <t>ヒキツヅ</t>
    </rPh>
    <rPh sb="3" eb="5">
      <t>テキセツ</t>
    </rPh>
    <rPh sb="6" eb="8">
      <t>ショクサイ</t>
    </rPh>
    <rPh sb="8" eb="10">
      <t>カンリ</t>
    </rPh>
    <rPh sb="13" eb="15">
      <t>シキ</t>
    </rPh>
    <rPh sb="16" eb="17">
      <t>トオ</t>
    </rPh>
    <rPh sb="19" eb="20">
      <t>カ</t>
    </rPh>
    <rPh sb="22" eb="24">
      <t>カンショウ</t>
    </rPh>
    <rPh sb="27" eb="29">
      <t>シセツ</t>
    </rPh>
    <rPh sb="29" eb="31">
      <t>ウンエイ</t>
    </rPh>
    <rPh sb="32" eb="33">
      <t>オコナ</t>
    </rPh>
    <rPh sb="39" eb="40">
      <t>アラ</t>
    </rPh>
    <rPh sb="42" eb="44">
      <t>カイカ</t>
    </rPh>
    <rPh sb="47" eb="48">
      <t>オオ</t>
    </rPh>
    <rPh sb="50" eb="52">
      <t>ワダイ</t>
    </rPh>
    <rPh sb="52" eb="53">
      <t>セイ</t>
    </rPh>
    <rPh sb="54" eb="56">
      <t>キタイ</t>
    </rPh>
    <rPh sb="84" eb="85">
      <t>クワ</t>
    </rPh>
    <rPh sb="87" eb="89">
      <t>トウキ</t>
    </rPh>
    <rPh sb="90" eb="92">
      <t>カイカ</t>
    </rPh>
    <rPh sb="92" eb="94">
      <t>ショクブツ</t>
    </rPh>
    <rPh sb="104" eb="106">
      <t>モクテキ</t>
    </rPh>
    <rPh sb="117" eb="119">
      <t>ドウニュウ</t>
    </rPh>
    <rPh sb="121" eb="122">
      <t>ナド</t>
    </rPh>
    <rPh sb="123" eb="125">
      <t>ケンミン</t>
    </rPh>
    <rPh sb="130" eb="132">
      <t>コウジョウ</t>
    </rPh>
    <rPh sb="133" eb="134">
      <t>ツト</t>
    </rPh>
    <rPh sb="143" eb="145">
      <t>ケイヒ</t>
    </rPh>
    <rPh sb="145" eb="147">
      <t>サクゲン</t>
    </rPh>
    <rPh sb="148" eb="150">
      <t>イチジョ</t>
    </rPh>
    <rPh sb="153" eb="155">
      <t>シセツ</t>
    </rPh>
    <rPh sb="156" eb="158">
      <t>ショウメイ</t>
    </rPh>
    <rPh sb="162" eb="163">
      <t>カ</t>
    </rPh>
    <rPh sb="163" eb="165">
      <t>コウジ</t>
    </rPh>
    <rPh sb="166" eb="168">
      <t>ジッシ</t>
    </rPh>
    <phoneticPr fontId="2"/>
  </si>
  <si>
    <t>日頃から施設を練習拠点としている方に主催事業へ出演いただく等、施設との継続的な関わりを持っていただくことでリピーターの増加及び利用率、利用料収入の向上を図りました。
また、買い取り公演を行わず、施設職員による企画制作により事業を展開し、いっそうの経費節減を図りました。</t>
    <rPh sb="61" eb="62">
      <t>オヨ</t>
    </rPh>
    <rPh sb="104" eb="106">
      <t>キカク</t>
    </rPh>
    <rPh sb="106" eb="108">
      <t>セイサク</t>
    </rPh>
    <phoneticPr fontId="2"/>
  </si>
  <si>
    <t>宮ヶ瀬湖の水位変動に対応した浮桟橋の調整や清掃を実施したほか、小型船舶免許を保有する職員を常時配置し、緊急時に対応できる体制を確保するなど、利用者のサービス向上に努めました。また、水位の増減により、流木の浮遊やコースの制限などがあることから利用者に対し、適宜湖面状況を周知し、利用者の安全確保に努めました。
最低賃金の上昇に伴う人件費及び一般管理費の増があったものの、節電等に取り組み、経費節減を図りました。</t>
    <rPh sb="193" eb="195">
      <t>ケイヒ</t>
    </rPh>
    <rPh sb="195" eb="197">
      <t>セツゲン</t>
    </rPh>
    <rPh sb="198" eb="199">
      <t>ハカ</t>
    </rPh>
    <phoneticPr fontId="2"/>
  </si>
  <si>
    <t>都市公園（秦野戸川公園）利用者に向けて、自然への興味関心のきっかけとなるよう、長年収集してきた情報をもとに周辺散策用の地図及びコースガイドを作成・配布、ＶＣ周辺の花暦や野鳥についてのセルフガイドシートを作成し二次元コードを利用した配布を継続して実施しました。</t>
    <rPh sb="0" eb="2">
      <t>トシ</t>
    </rPh>
    <rPh sb="5" eb="7">
      <t>ハタノ</t>
    </rPh>
    <rPh sb="7" eb="9">
      <t>トガワ</t>
    </rPh>
    <rPh sb="9" eb="11">
      <t>コウエン</t>
    </rPh>
    <rPh sb="104" eb="107">
      <t>ニジゲン</t>
    </rPh>
    <phoneticPr fontId="2"/>
  </si>
  <si>
    <t>令和６年度に自然観察指導員資格を専門職員が取得し、団体利用など当センターを利用する際の情報提供等が充実したことにより県民の方々の利便性が向上しました。
令和５年度に引き続き、ボランティアと連携し木橋修復事業を実施し登山者等への安全対策の充実を図りました。
令和５年度に引き続き、登山ガイドやNPOと連携し、効率的にイベント等を開催することで経費の節減に努めました。</t>
    <rPh sb="0" eb="2">
      <t>レイワ</t>
    </rPh>
    <rPh sb="76" eb="78">
      <t>レイワ</t>
    </rPh>
    <rPh sb="128" eb="130">
      <t>レイワ</t>
    </rPh>
    <phoneticPr fontId="2"/>
  </si>
  <si>
    <t>ボランティア入門講座のチラシを知事室のデザイン支援を活用して作成し、市町村や社協等に配架を依頼したところ、申込者数が前年比２倍に増えました。
前年度好評だったスポーツ施設利用者対象の個人サポート（ちょいトレ）を本年度も引き続き実施しました。</t>
    <phoneticPr fontId="2"/>
  </si>
  <si>
    <t>病院、福祉施設ともに利用率の目標の達成には至らなかったが、各施設における利用者ニーズに適切に対応することで、両施設とも利用者満足度の目標を達成することができた。　
また、病院においては、県健康医療局とともに活動している筋電義手への取組に加え、国土交通省が主管している独立行政法人自動車事故対策機構が行う「重度脊髄損傷者受入環境整備モデル事業」を受託した。脊髄損傷者のリハビリテーションに関する検証に協力し令和６年度は４人の受入れを行い、東日本のモデル病院として選定され、リハビリテーションを担う高度専門的な病院として先進先駆的な役割を果たすこととなった。　
福祉施設においては、「当事者目線の障がい福祉の実現」に向けた神奈川県の取組のもと、強度行動障害者を対象とした意思決定支援を全県に広げる先駆的施設の一つとして、「意思決定支援実践研修事業」の取組を実施する等、積極的に県の事業への協力を行った。
電気・ガス等のエネルギー価格などの物価高騰の厳しい状況が続く中、令和６年７月から新たな電力受給契約を結ぶことで、支出削減を図るなど、事業費を効率的に執行することで、収支を均衡させることができた。</t>
    <phoneticPr fontId="2"/>
  </si>
  <si>
    <t>実施計画書の大規模イベントを確実に実施するとともに、ボランティア団体と協力して様々なイベントを開催し、また、公園の特性を踏まえたガイド、昆虫ふれあい講座、発掘調査研修会などを開催し、利用促進を図りました。
また、ボランティアと協働したこまめな花壇管理をはじめとする維持管理に取り組み、利用者サービスの向上を図りました。</t>
    <rPh sb="87" eb="89">
      <t>カイサイ</t>
    </rPh>
    <rPh sb="96" eb="97">
      <t>ハカ</t>
    </rPh>
    <rPh sb="153" eb="154">
      <t>ハカ</t>
    </rPh>
    <phoneticPr fontId="2"/>
  </si>
  <si>
    <t>園地では鹿の侵入対策として、進入防止ネットの交換やグミ（低木樹木）の植栽を行いました。グミが成長すると、樹木による侵入防止効果も期待できます。
また、園路の舗装補修や老朽化した木製ベンチを擬木ベンチへ更新し、野外音楽堂照明のLED化なども実施しました。これにより、安全面の向上と利用者満足度の向上に努めました。
昨年に引き続き、鳥居原園地駐車場の渋滞については3施設で情報共有を行い、観光シーズンには警備員を配置して安全な管理運営を心掛けました。</t>
    <phoneticPr fontId="2"/>
  </si>
  <si>
    <t>利用者参画により作成した個別支援計画に基づき支援を進め、本人の意向を尊重した自立支援を図りました。
また、利用者の意見を様々な方法で聞き取り、生活の改善や支援の向上に努めました。
さらに、施設の機能が有効に活用できるよう、地域の関係機関等に女性自立支援施設への理解を得るための広報活動などの取組みに力を入れました。</t>
    <phoneticPr fontId="2"/>
  </si>
  <si>
    <t>事前精算機の設置やQRコード決済の導入などの取組を進め、利用者サービスの向上を図りました。また、場内照明のLED化を実施し、経費の節減に努めました。</t>
    <phoneticPr fontId="2"/>
  </si>
  <si>
    <t>場内案内の多言語化や指定管理者ホームページの英語対応などの取組を進め、外国人に対する利用環境の改善を図りました。また、場内照明のLED化を実施し、経費の節減に努めました。</t>
    <phoneticPr fontId="2"/>
  </si>
  <si>
    <t>県民ホール（本館）</t>
    <phoneticPr fontId="2"/>
  </si>
  <si>
    <t>県民の文化芸術の振興及び福祉の増進を図るため</t>
    <phoneticPr fontId="2"/>
  </si>
  <si>
    <t>相模湖漕艇場</t>
    <phoneticPr fontId="2"/>
  </si>
  <si>
    <t>※２施設合同での数値です</t>
    <phoneticPr fontId="2"/>
  </si>
  <si>
    <t>※３施設合同での数値です</t>
    <rPh sb="2" eb="4">
      <t>シセツ</t>
    </rPh>
    <rPh sb="4" eb="6">
      <t>ゴウドウ</t>
    </rPh>
    <rPh sb="8" eb="10">
      <t>スウチ</t>
    </rPh>
    <phoneticPr fontId="1"/>
  </si>
  <si>
    <t>観賞植物等の収集、展示等を行うことにより花き園芸の振興及び植物に関する知識の普及を図るとともに、併せて、県民に植物に親しむ場を提供するため</t>
    <phoneticPr fontId="2"/>
  </si>
  <si>
    <t>利用状況について、県立障害者支援施設では、令和５年度から「当事者目線の障がい福祉」の実現に向けた通過型施設として、新たに入退所の取組にかかる具体的な目標値を設定するとともに、入所者の算出方法を改めたため、令和４年度とは積算が異なっています。
（モニタリング結果報告書「６．利用状況」の備考参照）</t>
    <phoneticPr fontId="2"/>
  </si>
  <si>
    <t>■敷地面積　9,437.85㎡
 （うち県有地　3,554.51㎡）
■延床面積  3,489.51㎡
（うち県所有　3,200.30㎡）
■建築年
 平成12年</t>
    <phoneticPr fontId="1"/>
  </si>
  <si>
    <t>施設の修繕費増加や、諸経費・物価の値上がりが続く中、引き続き節電等の取組を進め、経費節削減を図りました。
開館40周年を記念した「かなぶん寄席落語会」の初開催、ミュージアムグッズの新たな試みとして常設展開催時の「文豪の言葉バッジ」の作成・販売等、集客につながる取組を進め、収入の増加を図りました。</t>
    <rPh sb="14" eb="16">
      <t>ブッカ</t>
    </rPh>
    <rPh sb="34" eb="36">
      <t>トリクミ</t>
    </rPh>
    <rPh sb="37" eb="38">
      <t>スス</t>
    </rPh>
    <rPh sb="46" eb="47">
      <t>ハカ</t>
    </rPh>
    <rPh sb="87" eb="88">
      <t>アラ</t>
    </rPh>
    <rPh sb="90" eb="91">
      <t>ココロ</t>
    </rPh>
    <rPh sb="113" eb="115">
      <t>サクセイ</t>
    </rPh>
    <rPh sb="119" eb="121">
      <t>ハンバイ</t>
    </rPh>
    <rPh sb="121" eb="122">
      <t>ナド</t>
    </rPh>
    <rPh sb="123" eb="125">
      <t>シュウキャク</t>
    </rPh>
    <rPh sb="130" eb="132">
      <t>トリクミ</t>
    </rPh>
    <rPh sb="133" eb="134">
      <t>スス</t>
    </rPh>
    <rPh sb="136" eb="138">
      <t>シュウニュウ</t>
    </rPh>
    <rPh sb="139" eb="141">
      <t>ゾウカ</t>
    </rPh>
    <rPh sb="142" eb="143">
      <t>ハカ</t>
    </rPh>
    <phoneticPr fontId="2"/>
  </si>
  <si>
    <t>【本館】
土地
国有地
建物
251,674千円</t>
    <phoneticPr fontId="1"/>
  </si>
  <si>
    <t xml:space="preserve">【別館】
土地           23,771千円
建物
82,526千円
</t>
    <rPh sb="37" eb="38">
      <t>セン</t>
    </rPh>
    <phoneticPr fontId="1"/>
  </si>
  <si>
    <t>森林及び林業に関する資料を展示し、森林及び自然の観察並びに林業における生産活動の実習の場を提供するとともに、林業関係者の研修及び指導を行うことにより、森林及び林業に関する知識の普及及び向上並びに林業の振興を図り、併せて県民の保健及び休養に資するため</t>
    <phoneticPr fontId="2"/>
  </si>
  <si>
    <t>平塚市</t>
    <rPh sb="1" eb="2">
      <t>ツカ</t>
    </rPh>
    <phoneticPr fontId="2"/>
  </si>
  <si>
    <r>
      <t xml:space="preserve">
</t>
    </r>
    <r>
      <rPr>
        <sz val="10"/>
        <rFont val="ＭＳ 明朝"/>
        <family val="1"/>
        <charset val="128"/>
      </rPr>
      <t>「困難な問題を抱える女性への支援に関する法律」等に基づき、様々な困難を抱える女性の支援を行うため</t>
    </r>
    <rPh sb="2" eb="4">
      <t>コンナン</t>
    </rPh>
    <rPh sb="5" eb="7">
      <t>モンダイ</t>
    </rPh>
    <rPh sb="8" eb="9">
      <t>カカ</t>
    </rPh>
    <rPh sb="11" eb="13">
      <t>ジョセイ</t>
    </rPh>
    <rPh sb="15" eb="17">
      <t>シエン</t>
    </rPh>
    <rPh sb="18" eb="19">
      <t>カン</t>
    </rPh>
    <rPh sb="21" eb="23">
      <t>ホウリツ</t>
    </rPh>
    <rPh sb="24" eb="25">
      <t>トウ</t>
    </rPh>
    <rPh sb="26" eb="27">
      <t>モト</t>
    </rPh>
    <rPh sb="30" eb="32">
      <t>サマザマ</t>
    </rPh>
    <rPh sb="33" eb="35">
      <t>コンナン</t>
    </rPh>
    <rPh sb="36" eb="37">
      <t>カカ</t>
    </rPh>
    <rPh sb="39" eb="41">
      <t>ジョセイ</t>
    </rPh>
    <rPh sb="42" eb="44">
      <t>シエン</t>
    </rPh>
    <rPh sb="45" eb="46">
      <t>オコナ</t>
    </rPh>
    <phoneticPr fontId="2"/>
  </si>
  <si>
    <t xml:space="preserve">■設置時期
　昭和32年
■開設面積
  29.68ha
■県有地面積
　273,564.69㎡
■延床面積
　2,065.54㎡
</t>
    <phoneticPr fontId="1"/>
  </si>
  <si>
    <t>■設置時期
　平成11年
■開設面積
  94.97ha
■県有地面積
　986,880.93㎡
■延床面積
　1,049.01㎡　</t>
    <phoneticPr fontId="1"/>
  </si>
  <si>
    <t>■設置時期
　平成13年
■開設面積
  35.21ha
■県有地面積
　324,001.12㎡
■延床面積
　2,149.19㎡　</t>
    <phoneticPr fontId="1"/>
  </si>
  <si>
    <t>■係留施設(浮き桟橋788m)他</t>
    <phoneticPr fontId="2"/>
  </si>
  <si>
    <t>https://www.pref.kanagawa.jp/documents/66065/01_r6_moni_sagamikocenter.pdf</t>
  </si>
  <si>
    <t>https://www.pref.kanagawa.jp/documents/66065/04_r6_moni_arthall.pdf</t>
  </si>
  <si>
    <t>https://www.pref.kanagawa.jp/documents/66065/03_r6_moni_kenminhall_ongakudou.pdf</t>
  </si>
  <si>
    <t>https://www.pref.kanagawa.jp/documents/66065/05_r6_moni_kindaibungakukan.pdf</t>
  </si>
  <si>
    <t>https://www.pref.kanagawa.jp/documents/66065/02_r6_moni_chikyuusiminkanagawaplaza.pdf</t>
  </si>
  <si>
    <t>https://www.pref.kanagawa.jp/documents/66065/06_r6_moni_sportskaikan.pdf</t>
  </si>
  <si>
    <t>https://www.pref.kanagawa.jp/documents/66065/07_r6_moni_budoukan.pdf</t>
  </si>
  <si>
    <t>https://www.pref.kanagawa.jp/documents/66065/08_r6_moni_seisyou.pdf</t>
  </si>
  <si>
    <t>https://www.pref.kanagawa.jp/documents/66065/09_r6_moni_iseharasyagekijyou.pdf</t>
  </si>
  <si>
    <t>https://www.pref.kanagawa.jp/documents/66065/62_r6_moni_miyagaseko.pdf</t>
  </si>
  <si>
    <t>https://www.pref.kanagawa.jp/documents/66065/10_r6_moni_visitorcenter.pdf</t>
  </si>
  <si>
    <t>https://www.pref.kanagawa.jp/documents/66065/11_r6_moni_21seikinomori.pdf</t>
  </si>
  <si>
    <t>https://www.pref.kanagawa.jp/documents/66065/14_r6_moni_honkou.pdf</t>
  </si>
  <si>
    <t>https://www.pref.kanagawa.jp/documents/66065/15_r6_moni_miyakawa.pdf</t>
  </si>
  <si>
    <t>https://www.pref.kanagawa.jp/documents/66065/12_r6_moni_kanagarden.pdf</t>
  </si>
  <si>
    <t>https://www.pref.kanagawa.jp/documents/66065/13_r6_moni_oohunaflowercenter.pdf</t>
  </si>
  <si>
    <t>https://www.pref.kanagawa.jp/documents/66065/16_r6_moni_jyoseijiritusiensisetu.pdf</t>
  </si>
  <si>
    <t>https://www.pref.kanagawa.jp/documents/66065/19_r6_moni_tsukuiyamayurien.pdf</t>
  </si>
  <si>
    <t>https://www.pref.kanagawa.jp/documents/66065/20_r6_moni_serigayayamayurien.pdf</t>
  </si>
  <si>
    <t>https://www.pref.kanagawa.jp/documents/66065/17_r6_moni_lightcenter.pdf</t>
  </si>
  <si>
    <t>https://www.pref.kanagawa.jp/documents/66065/18_r6_moni_choukakusyougai.pdf</t>
  </si>
  <si>
    <t>https://www.pref.kanagawa.jp/documents/66065/21_r6_moni_ainayamayurien.pdf</t>
  </si>
  <si>
    <t>https://www.pref.kanagawa.jp/documents/66065/22_r6_moni_atugiseikaen.pdf</t>
  </si>
  <si>
    <t>https://www.pref.kanagawa.jp/documents/66065/23_r6_moni_miurasiratorien.pdf</t>
  </si>
  <si>
    <t>https://www.pref.kanagawa.jp/documents/66065/24_r6_moni_rehabilitation.pdf</t>
  </si>
  <si>
    <t>https://www.pref.kanagawa.jp/documents/66065/25_r6_moni_kanagawaroudouplaza.pdf</t>
  </si>
  <si>
    <t>https://www.pref.kanagawa.jp/documents/66065/61_r6_moni_hadanotogawakouen_sangakusportscenter.pdf</t>
  </si>
  <si>
    <t>https://www.pref.kanagawa.jp/documents/66065/60_r6_moni_sagamikokouen_sagamikosouteijyou.pdf</t>
  </si>
  <si>
    <t>https://www.pref.kanagawa.jp/documents/66065/26_r6_moni_tsukayamakouen.pdf</t>
  </si>
  <si>
    <t>https://www.pref.kanagawa.jp/documents/66065/29_r6_moni_hayamakouen_hayamasanngaokaryokuti.pdf</t>
  </si>
  <si>
    <t>https://www.pref.kanagawa.jp/documents/66065/27_r6_moni_hodogayakouen.pdf</t>
  </si>
  <si>
    <t>https://www.pref.kanagawa.jp/documents/66065/28_r6_moni_mitsuikekouen.pdf</t>
  </si>
  <si>
    <t>https://www.pref.kanagawa.jp/documents/66065/30_r6_moni_syounannkaigannkouen.pdf</t>
  </si>
  <si>
    <t>https://www.pref.kanagawa.jp/documents/66065/31_r6_moni_jyougasimakouen.pdf</t>
  </si>
  <si>
    <t>https://www.pref.kanagawa.jp/documents/66065/32_r6_moni_onnshihakonekouen.pdf</t>
  </si>
  <si>
    <t>https://www.pref.kanagawa.jp/documents/66065/33_r6_moni_tsujidoukaihinkouen_syounansiomidaikouen.pdf</t>
  </si>
  <si>
    <t>https://www.pref.kanagawa.jp/documents/66065/34_r6_moni_kannnonnzakikouen.pdf</t>
  </si>
  <si>
    <t>https://www.pref.kanagawa.jp/documents/66065/35_r6_moni_higasitakanesinnrinnkouen.pdf</t>
  </si>
  <si>
    <t>https://www.pref.kanagawa.jp/documents/66065/36_r6_moni_sagamiharakouen.pdf</t>
  </si>
  <si>
    <t>https://www.pref.kanagawa.jp/documents/66065/37_r6_moni_ooisojyoyamakouenn.pdf</t>
  </si>
  <si>
    <t>https://www.pref.kanagawa.jp/documents/66065/38_r6_moni_nanasawasinnrinnkouen.pdf</t>
  </si>
  <si>
    <t>https://www.pref.kanagawa.jp/documents/66065/39_r6_moni_sikinomorikouen.pdf</t>
  </si>
  <si>
    <t>https://www.pref.kanagawa.jp/documents/66065/40_r6_moni_zamayatoyamakouen.pdf</t>
  </si>
  <si>
    <t>https://www.pref.kanagawa.jp/documents/66065/41_r6_moni_tsukuikoshiroyamakouen.pdf</t>
  </si>
  <si>
    <t>https://www.pref.kanagawa.jp/documents/66065/42_r6_moni_chigasakisatoyamakouen.pdf</t>
  </si>
  <si>
    <t>https://www.pref.kanagawa.jp/documents/66065/43_r6_moni_aikawakouen.pdf</t>
  </si>
  <si>
    <t>https://www.pref.kanagawa.jp/documents/66065/44_r6_moni_sagamisansenkouen.pdf</t>
  </si>
  <si>
    <t>https://www.pref.kanagawa.jp/documents/66065/45_r6_moni_odawarasuwanoharakouen.pdf</t>
  </si>
  <si>
    <t>https://www.pref.kanagawa.jp/documents/66065/46_r6_moni_sakaigawayuusuitikouen.pdf</t>
  </si>
  <si>
    <t>https://www.pref.kanagawa.jp/documents/66065/47_r6_moni_yamakitatsuburanokouen.pdf</t>
  </si>
  <si>
    <t>https://www.pref.kanagawa.jp/documents/66065/48_r6_moni_yuigahamatikatyushajou.pdf</t>
  </si>
  <si>
    <t>https://www.pref.kanagawa.jp/documents/66065/49_r6_moni_katasekaigantikatyushajou.pdf</t>
  </si>
  <si>
    <t>https://www.pref.kanagawa.jp/documents/66065/50_r6_moni_syounankou.pdf</t>
  </si>
  <si>
    <t>https://www.pref.kanagawa.jp/documents/66065/51_r6_moni_hayamakou.pdf</t>
  </si>
  <si>
    <t>https://www.pref.kanagawa.jp/documents/66065/52_r6_moni_ooisokou.pdf</t>
  </si>
  <si>
    <t>https://www.pref.kanagawa.jp/documents/66065/58_r6_moni_ashigara.pdf</t>
  </si>
  <si>
    <t>https://www.pref.kanagawa.jp/documents/66065/59_r6_moni_aikawa.pdf</t>
  </si>
  <si>
    <t>②【指定管理者制度導入施設】県民利用施設一覧表</t>
    <rPh sb="2" eb="4">
      <t>シテイ</t>
    </rPh>
    <rPh sb="4" eb="7">
      <t>カンリシャ</t>
    </rPh>
    <rPh sb="7" eb="9">
      <t>セイド</t>
    </rPh>
    <rPh sb="9" eb="11">
      <t>ドウニュウ</t>
    </rPh>
    <rPh sb="11" eb="13">
      <t>シセツ</t>
    </rPh>
    <rPh sb="14" eb="16">
      <t>ケンミン</t>
    </rPh>
    <rPh sb="16" eb="18">
      <t>リヨウ</t>
    </rPh>
    <rPh sb="18" eb="20">
      <t>シセツ</t>
    </rPh>
    <rPh sb="20" eb="22">
      <t>イチラン</t>
    </rPh>
    <rPh sb="22" eb="23">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千円&quot;"/>
    <numFmt numFmtId="177" formatCode="#,##0&quot;人&quot;"/>
    <numFmt numFmtId="178" formatCode="0;&quot;△ &quot;0"/>
    <numFmt numFmtId="179" formatCode="0.00;&quot;△ &quot;0.00"/>
    <numFmt numFmtId="180" formatCode="#,##0_ "/>
    <numFmt numFmtId="181" formatCode="#,##0;&quot;△ &quot;#,##0"/>
    <numFmt numFmtId="182" formatCode="#,##0&quot;台&quot;"/>
    <numFmt numFmtId="183" formatCode="#,##0.00;&quot;△ &quot;#,##0.00"/>
    <numFmt numFmtId="184" formatCode="0.00;&quot;△ &quot;0.0000"/>
  </numFmts>
  <fonts count="15" x14ac:knownFonts="1">
    <font>
      <sz val="12"/>
      <color theme="1"/>
      <name val="ＭＳ 明朝"/>
      <family val="2"/>
      <charset val="128"/>
    </font>
    <font>
      <sz val="6"/>
      <name val="ＭＳ 明朝"/>
      <family val="2"/>
      <charset val="128"/>
    </font>
    <font>
      <sz val="6"/>
      <name val="ＭＳ 明朝"/>
      <family val="1"/>
      <charset val="128"/>
    </font>
    <font>
      <sz val="10"/>
      <name val="ＭＳ 明朝"/>
      <family val="1"/>
      <charset val="128"/>
    </font>
    <font>
      <sz val="10"/>
      <name val="ＭＳ Ｐゴシック"/>
      <family val="3"/>
      <charset val="128"/>
      <scheme val="major"/>
    </font>
    <font>
      <sz val="12"/>
      <name val="ＭＳ Ｐゴシック"/>
      <family val="3"/>
      <charset val="128"/>
      <scheme val="major"/>
    </font>
    <font>
      <u/>
      <sz val="12"/>
      <color theme="10"/>
      <name val="ＭＳ 明朝"/>
      <family val="1"/>
      <charset val="128"/>
    </font>
    <font>
      <sz val="12"/>
      <color theme="1"/>
      <name val="ＭＳ 明朝"/>
      <family val="2"/>
      <charset val="128"/>
    </font>
    <font>
      <sz val="9"/>
      <name val="ＭＳ 明朝"/>
      <family val="1"/>
      <charset val="128"/>
    </font>
    <font>
      <u/>
      <sz val="12"/>
      <name val="ＭＳ 明朝"/>
      <family val="1"/>
      <charset val="128"/>
    </font>
    <font>
      <u/>
      <sz val="10"/>
      <name val="ＭＳ 明朝"/>
      <family val="1"/>
      <charset val="128"/>
    </font>
    <font>
      <strike/>
      <sz val="10"/>
      <name val="ＭＳ 明朝"/>
      <family val="1"/>
      <charset val="128"/>
    </font>
    <font>
      <sz val="12"/>
      <name val="ＭＳ 明朝"/>
      <family val="1"/>
      <charset val="128"/>
    </font>
    <font>
      <sz val="11"/>
      <name val="ＭＳ 明朝"/>
      <family val="1"/>
      <charset val="128"/>
    </font>
    <font>
      <sz val="16"/>
      <name val="ＭＳ Ｐゴシック"/>
      <family val="3"/>
      <charset val="128"/>
      <scheme val="major"/>
    </font>
  </fonts>
  <fills count="3">
    <fill>
      <patternFill patternType="none"/>
    </fill>
    <fill>
      <patternFill patternType="gray125"/>
    </fill>
    <fill>
      <patternFill patternType="solid">
        <fgColor theme="0" tint="-0.14999847407452621"/>
        <bgColor indexed="64"/>
      </patternFill>
    </fill>
  </fills>
  <borders count="34">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double">
        <color indexed="64"/>
      </bottom>
      <diagonal/>
    </border>
    <border>
      <left style="thin">
        <color indexed="64"/>
      </left>
      <right style="thin">
        <color indexed="64"/>
      </right>
      <top style="double">
        <color indexed="64"/>
      </top>
      <bottom/>
      <diagonal/>
    </border>
    <border>
      <left style="thin">
        <color indexed="64"/>
      </left>
      <right style="thin">
        <color indexed="64"/>
      </right>
      <top style="double">
        <color indexed="64"/>
      </top>
      <bottom style="double">
        <color indexed="64"/>
      </bottom>
      <diagonal/>
    </border>
    <border>
      <left style="thin">
        <color indexed="64"/>
      </left>
      <right style="thin">
        <color indexed="64"/>
      </right>
      <top/>
      <bottom style="thin">
        <color indexed="64"/>
      </bottom>
      <diagonal/>
    </border>
    <border>
      <left/>
      <right style="thin">
        <color indexed="64"/>
      </right>
      <top style="double">
        <color indexed="64"/>
      </top>
      <bottom/>
      <diagonal/>
    </border>
    <border>
      <left/>
      <right style="thin">
        <color indexed="64"/>
      </right>
      <top/>
      <bottom/>
      <diagonal/>
    </border>
    <border>
      <left/>
      <right style="thin">
        <color indexed="64"/>
      </right>
      <top/>
      <bottom style="double">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bottom style="double">
        <color indexed="64"/>
      </bottom>
      <diagonal/>
    </border>
    <border>
      <left/>
      <right style="thin">
        <color indexed="64"/>
      </right>
      <top style="thin">
        <color indexed="64"/>
      </top>
      <bottom style="double">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double">
        <color indexed="64"/>
      </top>
      <bottom/>
      <diagonal/>
    </border>
    <border>
      <left style="thin">
        <color indexed="64"/>
      </left>
      <right/>
      <top/>
      <bottom style="thin">
        <color indexed="64"/>
      </bottom>
      <diagonal/>
    </border>
    <border>
      <left style="thin">
        <color indexed="64"/>
      </left>
      <right/>
      <top/>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style="double">
        <color indexed="64"/>
      </top>
      <bottom/>
      <diagonal/>
    </border>
    <border>
      <left style="hair">
        <color indexed="64"/>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hair">
        <color indexed="64"/>
      </right>
      <top/>
      <bottom style="double">
        <color indexed="64"/>
      </bottom>
      <diagonal/>
    </border>
    <border>
      <left style="thin">
        <color indexed="64"/>
      </left>
      <right style="hair">
        <color indexed="64"/>
      </right>
      <top style="double">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bottom/>
      <diagonal/>
    </border>
    <border>
      <left style="thin">
        <color indexed="64"/>
      </left>
      <right style="hair">
        <color indexed="64"/>
      </right>
      <top/>
      <bottom style="double">
        <color indexed="64"/>
      </bottom>
      <diagonal/>
    </border>
    <border>
      <left style="thin">
        <color indexed="64"/>
      </left>
      <right style="hair">
        <color indexed="64"/>
      </right>
      <top style="thin">
        <color indexed="64"/>
      </top>
      <bottom/>
      <diagonal/>
    </border>
  </borders>
  <cellStyleXfs count="3">
    <xf numFmtId="0" fontId="0" fillId="0" borderId="0">
      <alignment vertical="center"/>
    </xf>
    <xf numFmtId="0" fontId="6" fillId="0" borderId="0" applyNumberFormat="0" applyFill="0" applyBorder="0" applyAlignment="0" applyProtection="0">
      <alignment vertical="center"/>
    </xf>
    <xf numFmtId="38" fontId="7" fillId="0" borderId="0" applyFont="0" applyFill="0" applyBorder="0" applyAlignment="0" applyProtection="0">
      <alignment vertical="center"/>
    </xf>
  </cellStyleXfs>
  <cellXfs count="172">
    <xf numFmtId="0" fontId="0" fillId="0" borderId="0" xfId="0">
      <alignment vertical="center"/>
    </xf>
    <xf numFmtId="0" fontId="4" fillId="0" borderId="0" xfId="0" applyFont="1" applyFill="1" applyAlignment="1" applyProtection="1">
      <alignment vertical="center" wrapText="1"/>
      <protection locked="0"/>
    </xf>
    <xf numFmtId="0" fontId="4" fillId="2" borderId="14" xfId="0" applyFont="1" applyFill="1" applyBorder="1" applyAlignment="1" applyProtection="1">
      <alignment horizontal="center" vertical="center" wrapText="1"/>
    </xf>
    <xf numFmtId="0" fontId="4" fillId="2" borderId="13" xfId="0" applyFont="1" applyFill="1" applyBorder="1" applyAlignment="1" applyProtection="1">
      <alignment horizontal="center" vertical="center" wrapText="1"/>
    </xf>
    <xf numFmtId="0" fontId="4" fillId="0" borderId="7" xfId="0" applyFont="1" applyFill="1" applyBorder="1" applyAlignment="1" applyProtection="1">
      <alignment vertical="center" wrapText="1"/>
      <protection locked="0"/>
    </xf>
    <xf numFmtId="0" fontId="4" fillId="0" borderId="0" xfId="0" applyFont="1" applyFill="1" applyAlignment="1" applyProtection="1">
      <alignment vertical="center" wrapText="1"/>
    </xf>
    <xf numFmtId="176" fontId="3" fillId="0" borderId="8" xfId="0" applyNumberFormat="1" applyFont="1" applyFill="1" applyBorder="1" applyAlignment="1" applyProtection="1">
      <alignment vertical="center"/>
      <protection locked="0"/>
    </xf>
    <xf numFmtId="176" fontId="3" fillId="0" borderId="9" xfId="0" applyNumberFormat="1" applyFont="1" applyFill="1" applyBorder="1" applyAlignment="1" applyProtection="1">
      <alignment vertical="center"/>
      <protection locked="0"/>
    </xf>
    <xf numFmtId="176" fontId="3" fillId="0" borderId="4" xfId="0" applyNumberFormat="1" applyFont="1" applyFill="1" applyBorder="1" applyProtection="1">
      <alignment vertical="center"/>
      <protection locked="0"/>
    </xf>
    <xf numFmtId="0" fontId="4" fillId="0" borderId="18" xfId="0" applyFont="1" applyFill="1" applyBorder="1" applyAlignment="1" applyProtection="1">
      <alignment vertical="center" wrapText="1"/>
    </xf>
    <xf numFmtId="176" fontId="3" fillId="0" borderId="19" xfId="0" applyNumberFormat="1" applyFont="1" applyFill="1" applyBorder="1" applyAlignment="1" applyProtection="1">
      <alignment vertical="center"/>
    </xf>
    <xf numFmtId="177" fontId="3" fillId="0" borderId="15" xfId="2" applyNumberFormat="1" applyFont="1" applyFill="1" applyBorder="1" applyAlignment="1" applyProtection="1">
      <alignment vertical="center" wrapText="1"/>
      <protection locked="0"/>
    </xf>
    <xf numFmtId="176" fontId="3" fillId="0" borderId="2" xfId="0" applyNumberFormat="1" applyFont="1" applyFill="1" applyBorder="1" applyProtection="1">
      <alignment vertical="center"/>
      <protection locked="0"/>
    </xf>
    <xf numFmtId="176" fontId="3" fillId="0" borderId="17" xfId="0" applyNumberFormat="1" applyFont="1" applyFill="1" applyBorder="1" applyAlignment="1" applyProtection="1">
      <alignment vertical="center"/>
    </xf>
    <xf numFmtId="181" fontId="3" fillId="0" borderId="16" xfId="0" applyNumberFormat="1" applyFont="1" applyFill="1" applyBorder="1" applyProtection="1">
      <alignment vertical="center"/>
      <protection locked="0"/>
    </xf>
    <xf numFmtId="181" fontId="3" fillId="0" borderId="8" xfId="0" applyNumberFormat="1" applyFont="1" applyFill="1" applyBorder="1" applyProtection="1">
      <alignment vertical="center"/>
      <protection locked="0"/>
    </xf>
    <xf numFmtId="181" fontId="3" fillId="0" borderId="15" xfId="0" applyNumberFormat="1" applyFont="1" applyFill="1" applyBorder="1">
      <alignment vertical="center"/>
    </xf>
    <xf numFmtId="183" fontId="3" fillId="0" borderId="15" xfId="0" applyNumberFormat="1" applyFont="1" applyFill="1" applyBorder="1">
      <alignment vertical="center"/>
    </xf>
    <xf numFmtId="179" fontId="3" fillId="0" borderId="16" xfId="0" applyNumberFormat="1" applyFont="1" applyFill="1" applyBorder="1" applyAlignment="1">
      <alignment horizontal="right" vertical="center"/>
    </xf>
    <xf numFmtId="176" fontId="3" fillId="0" borderId="20" xfId="0" applyNumberFormat="1" applyFont="1" applyFill="1" applyBorder="1" applyAlignment="1" applyProtection="1">
      <alignment vertical="center"/>
    </xf>
    <xf numFmtId="176" fontId="3" fillId="0" borderId="8" xfId="0" applyNumberFormat="1" applyFont="1" applyFill="1" applyBorder="1" applyProtection="1">
      <alignment vertical="center"/>
      <protection locked="0"/>
    </xf>
    <xf numFmtId="176" fontId="3" fillId="0" borderId="3" xfId="0" applyNumberFormat="1" applyFont="1" applyFill="1" applyBorder="1" applyProtection="1">
      <alignment vertical="center"/>
      <protection locked="0"/>
    </xf>
    <xf numFmtId="176" fontId="3" fillId="0" borderId="13" xfId="0" applyNumberFormat="1" applyFont="1" applyFill="1" applyBorder="1" applyAlignment="1" applyProtection="1">
      <alignment vertical="center"/>
    </xf>
    <xf numFmtId="176" fontId="3" fillId="0" borderId="9" xfId="0" applyNumberFormat="1" applyFont="1" applyFill="1" applyBorder="1" applyProtection="1">
      <alignment vertical="center"/>
      <protection locked="0"/>
    </xf>
    <xf numFmtId="176" fontId="3" fillId="0" borderId="4" xfId="0" applyNumberFormat="1" applyFont="1" applyFill="1" applyBorder="1" applyAlignment="1" applyProtection="1">
      <alignment vertical="center"/>
      <protection locked="0"/>
    </xf>
    <xf numFmtId="176" fontId="3" fillId="0" borderId="2" xfId="0" applyNumberFormat="1" applyFont="1" applyFill="1" applyBorder="1" applyAlignment="1" applyProtection="1">
      <alignment vertical="center"/>
      <protection locked="0"/>
    </xf>
    <xf numFmtId="176" fontId="3" fillId="0" borderId="3" xfId="0" applyNumberFormat="1" applyFont="1" applyFill="1" applyBorder="1" applyAlignment="1" applyProtection="1">
      <alignment vertical="center"/>
      <protection locked="0"/>
    </xf>
    <xf numFmtId="0" fontId="10" fillId="0" borderId="4" xfId="1" applyFont="1" applyFill="1" applyBorder="1" applyAlignment="1" applyProtection="1">
      <alignment horizontal="left" vertical="center" wrapText="1"/>
      <protection locked="0"/>
    </xf>
    <xf numFmtId="0" fontId="4" fillId="0" borderId="20" xfId="0" applyFont="1" applyFill="1" applyBorder="1" applyAlignment="1" applyProtection="1">
      <alignment vertical="center" wrapText="1"/>
      <protection locked="0"/>
    </xf>
    <xf numFmtId="0" fontId="4" fillId="0" borderId="20" xfId="0" applyFont="1" applyFill="1" applyBorder="1" applyAlignment="1" applyProtection="1">
      <alignment vertical="center" wrapText="1"/>
    </xf>
    <xf numFmtId="176" fontId="3" fillId="0" borderId="20" xfId="0" applyNumberFormat="1" applyFont="1" applyFill="1" applyBorder="1" applyAlignment="1" applyProtection="1">
      <alignment vertical="center"/>
      <protection locked="0"/>
    </xf>
    <xf numFmtId="176" fontId="3" fillId="0" borderId="13" xfId="0" applyNumberFormat="1" applyFont="1" applyFill="1" applyBorder="1" applyAlignment="1" applyProtection="1">
      <alignment vertical="center"/>
      <protection locked="0"/>
    </xf>
    <xf numFmtId="176" fontId="3" fillId="0" borderId="2" xfId="0" applyNumberFormat="1" applyFont="1" applyFill="1" applyBorder="1" applyAlignment="1" applyProtection="1">
      <alignment horizontal="right" vertical="center"/>
      <protection locked="0"/>
    </xf>
    <xf numFmtId="176" fontId="11" fillId="0" borderId="2" xfId="0" applyNumberFormat="1" applyFont="1" applyFill="1" applyBorder="1" applyProtection="1">
      <alignment vertical="center"/>
      <protection locked="0"/>
    </xf>
    <xf numFmtId="176" fontId="3" fillId="0" borderId="2" xfId="0" applyNumberFormat="1" applyFont="1" applyFill="1" applyBorder="1" applyAlignment="1" applyProtection="1">
      <alignment vertical="center" wrapText="1"/>
      <protection locked="0"/>
    </xf>
    <xf numFmtId="0" fontId="4" fillId="0" borderId="0" xfId="0" applyFont="1" applyFill="1" applyBorder="1" applyAlignment="1" applyProtection="1">
      <alignment vertical="center" wrapText="1"/>
    </xf>
    <xf numFmtId="0" fontId="3" fillId="0" borderId="2" xfId="0" applyFont="1" applyFill="1" applyBorder="1" applyAlignment="1" applyProtection="1">
      <alignment vertical="center" wrapText="1"/>
      <protection locked="0"/>
    </xf>
    <xf numFmtId="0" fontId="3" fillId="0" borderId="3" xfId="0" applyFont="1" applyFill="1" applyBorder="1" applyAlignment="1" applyProtection="1">
      <alignment vertical="center" wrapText="1"/>
      <protection locked="0"/>
    </xf>
    <xf numFmtId="0" fontId="10" fillId="0" borderId="4" xfId="1" applyFont="1" applyFill="1" applyBorder="1" applyAlignment="1" applyProtection="1">
      <alignment vertical="center" wrapText="1"/>
      <protection locked="0"/>
    </xf>
    <xf numFmtId="176" fontId="3" fillId="0" borderId="2" xfId="0" applyNumberFormat="1" applyFont="1" applyFill="1" applyBorder="1" applyAlignment="1" applyProtection="1">
      <alignment horizontal="center" vertical="center"/>
      <protection locked="0"/>
    </xf>
    <xf numFmtId="176" fontId="3" fillId="0" borderId="4" xfId="0" applyNumberFormat="1" applyFont="1" applyFill="1" applyBorder="1" applyAlignment="1" applyProtection="1">
      <alignment vertical="top" wrapText="1"/>
      <protection locked="0"/>
    </xf>
    <xf numFmtId="176" fontId="3" fillId="0" borderId="2" xfId="0" applyNumberFormat="1" applyFont="1" applyFill="1" applyBorder="1" applyAlignment="1" applyProtection="1">
      <alignment horizontal="right" vertical="top"/>
      <protection locked="0"/>
    </xf>
    <xf numFmtId="176" fontId="3" fillId="0" borderId="2" xfId="0" applyNumberFormat="1" applyFont="1" applyFill="1" applyBorder="1" applyAlignment="1" applyProtection="1">
      <alignment vertical="top" wrapText="1"/>
      <protection locked="0"/>
    </xf>
    <xf numFmtId="176" fontId="3" fillId="0" borderId="2" xfId="0" applyNumberFormat="1" applyFont="1" applyFill="1" applyBorder="1" applyAlignment="1" applyProtection="1">
      <alignment horizontal="left" vertical="top" wrapText="1"/>
      <protection locked="0"/>
    </xf>
    <xf numFmtId="0" fontId="10" fillId="0" borderId="2" xfId="1" applyFont="1" applyFill="1" applyBorder="1" applyAlignment="1" applyProtection="1">
      <alignment vertical="center" wrapText="1"/>
      <protection locked="0"/>
    </xf>
    <xf numFmtId="0" fontId="10" fillId="0" borderId="3" xfId="1" applyFont="1" applyFill="1" applyBorder="1" applyAlignment="1" applyProtection="1">
      <alignment vertical="center" wrapText="1"/>
      <protection locked="0"/>
    </xf>
    <xf numFmtId="176" fontId="8" fillId="0" borderId="2" xfId="0" applyNumberFormat="1" applyFont="1" applyFill="1" applyBorder="1" applyProtection="1">
      <alignment vertical="center"/>
      <protection locked="0"/>
    </xf>
    <xf numFmtId="176" fontId="3" fillId="0" borderId="3" xfId="0" applyNumberFormat="1" applyFont="1" applyFill="1" applyBorder="1" applyAlignment="1" applyProtection="1">
      <alignment vertical="center" wrapText="1"/>
      <protection locked="0"/>
    </xf>
    <xf numFmtId="182" fontId="3" fillId="0" borderId="15" xfId="2" applyNumberFormat="1" applyFont="1" applyFill="1" applyBorder="1" applyAlignment="1" applyProtection="1">
      <alignment vertical="center" wrapText="1"/>
      <protection locked="0"/>
    </xf>
    <xf numFmtId="176" fontId="3" fillId="0" borderId="6" xfId="0" applyNumberFormat="1" applyFont="1" applyFill="1" applyBorder="1" applyAlignment="1" applyProtection="1">
      <alignment vertical="center"/>
      <protection locked="0"/>
    </xf>
    <xf numFmtId="0" fontId="4" fillId="0" borderId="0" xfId="0" applyFont="1" applyFill="1" applyAlignment="1" applyProtection="1">
      <alignment horizontal="center" vertical="center" wrapText="1"/>
      <protection locked="0"/>
    </xf>
    <xf numFmtId="0" fontId="14" fillId="0" borderId="0" xfId="0" applyFont="1" applyFill="1" applyAlignment="1" applyProtection="1">
      <alignment vertical="center"/>
      <protection locked="0"/>
    </xf>
    <xf numFmtId="0" fontId="3" fillId="0" borderId="2" xfId="0" applyFont="1" applyFill="1" applyBorder="1" applyAlignment="1" applyProtection="1">
      <alignment horizontal="left" vertical="center" wrapText="1"/>
      <protection locked="0"/>
    </xf>
    <xf numFmtId="0" fontId="3" fillId="0" borderId="3" xfId="0" applyFont="1" applyFill="1" applyBorder="1" applyAlignment="1" applyProtection="1">
      <alignment horizontal="left" vertical="center" wrapText="1"/>
      <protection locked="0"/>
    </xf>
    <xf numFmtId="0" fontId="10" fillId="0" borderId="2" xfId="1" applyFont="1" applyFill="1" applyBorder="1" applyAlignment="1" applyProtection="1">
      <alignment horizontal="left" vertical="center" wrapText="1"/>
      <protection locked="0"/>
    </xf>
    <xf numFmtId="0" fontId="10" fillId="0" borderId="3" xfId="1" applyFont="1" applyFill="1" applyBorder="1" applyAlignment="1" applyProtection="1">
      <alignment horizontal="left" vertical="center" wrapText="1"/>
      <protection locked="0"/>
    </xf>
    <xf numFmtId="0" fontId="4" fillId="0" borderId="8" xfId="0" applyFont="1" applyFill="1" applyBorder="1" applyAlignment="1" applyProtection="1">
      <alignment vertical="center" wrapText="1"/>
      <protection locked="0"/>
    </xf>
    <xf numFmtId="0" fontId="4" fillId="2" borderId="21" xfId="0" applyFont="1" applyFill="1" applyBorder="1" applyAlignment="1" applyProtection="1">
      <alignment horizontal="center" vertical="center" wrapText="1"/>
    </xf>
    <xf numFmtId="0" fontId="4" fillId="2" borderId="22" xfId="0" applyFont="1" applyFill="1" applyBorder="1" applyAlignment="1" applyProtection="1">
      <alignment horizontal="center" vertical="center" wrapText="1"/>
    </xf>
    <xf numFmtId="0" fontId="4" fillId="0" borderId="23" xfId="0" applyFont="1" applyFill="1" applyBorder="1" applyAlignment="1" applyProtection="1">
      <alignment vertical="center" wrapText="1"/>
      <protection locked="0"/>
    </xf>
    <xf numFmtId="177" fontId="3" fillId="0" borderId="24" xfId="2" applyNumberFormat="1" applyFont="1" applyFill="1" applyBorder="1" applyAlignment="1" applyProtection="1">
      <alignment vertical="center" wrapText="1"/>
      <protection locked="0"/>
    </xf>
    <xf numFmtId="181" fontId="3" fillId="0" borderId="25" xfId="0" applyNumberFormat="1" applyFont="1" applyFill="1" applyBorder="1" applyAlignment="1" applyProtection="1">
      <alignment vertical="center"/>
      <protection locked="0"/>
    </xf>
    <xf numFmtId="181" fontId="3" fillId="0" borderId="26" xfId="0" applyNumberFormat="1" applyFont="1" applyFill="1" applyBorder="1" applyAlignment="1" applyProtection="1">
      <alignment vertical="center"/>
      <protection locked="0"/>
    </xf>
    <xf numFmtId="181" fontId="3" fillId="0" borderId="24" xfId="0" applyNumberFormat="1" applyFont="1" applyFill="1" applyBorder="1" applyAlignment="1" applyProtection="1">
      <alignment vertical="center"/>
    </xf>
    <xf numFmtId="179" fontId="3" fillId="0" borderId="25" xfId="0" applyNumberFormat="1" applyFont="1" applyFill="1" applyBorder="1" applyAlignment="1" applyProtection="1">
      <alignment horizontal="right" vertical="center"/>
    </xf>
    <xf numFmtId="176" fontId="3" fillId="0" borderId="26" xfId="0" applyNumberFormat="1" applyFont="1" applyFill="1" applyBorder="1" applyAlignment="1" applyProtection="1">
      <alignment vertical="center"/>
      <protection locked="0"/>
    </xf>
    <xf numFmtId="176" fontId="3" fillId="0" borderId="27" xfId="0" applyNumberFormat="1" applyFont="1" applyFill="1" applyBorder="1" applyAlignment="1" applyProtection="1">
      <alignment vertical="center"/>
      <protection locked="0"/>
    </xf>
    <xf numFmtId="178" fontId="3" fillId="0" borderId="26" xfId="0" applyNumberFormat="1" applyFont="1" applyFill="1" applyBorder="1" applyAlignment="1" applyProtection="1">
      <alignment vertical="center"/>
      <protection locked="0"/>
    </xf>
    <xf numFmtId="0" fontId="4" fillId="0" borderId="26" xfId="0" applyFont="1" applyFill="1" applyBorder="1" applyAlignment="1" applyProtection="1">
      <alignment vertical="center" wrapText="1"/>
      <protection locked="0"/>
    </xf>
    <xf numFmtId="179" fontId="3" fillId="0" borderId="24" xfId="0" applyNumberFormat="1" applyFont="1" applyFill="1" applyBorder="1" applyAlignment="1" applyProtection="1">
      <alignment horizontal="right" vertical="center"/>
    </xf>
    <xf numFmtId="182" fontId="3" fillId="0" borderId="24" xfId="2" applyNumberFormat="1" applyFont="1" applyFill="1" applyBorder="1" applyAlignment="1" applyProtection="1">
      <alignment vertical="center" wrapText="1"/>
      <protection locked="0"/>
    </xf>
    <xf numFmtId="181" fontId="3" fillId="0" borderId="24" xfId="2" applyNumberFormat="1" applyFont="1" applyFill="1" applyBorder="1" applyAlignment="1" applyProtection="1">
      <alignment vertical="center" wrapText="1"/>
      <protection locked="0"/>
    </xf>
    <xf numFmtId="0" fontId="4" fillId="0" borderId="28" xfId="0" applyFont="1" applyFill="1" applyBorder="1" applyAlignment="1" applyProtection="1">
      <alignment vertical="center" wrapText="1"/>
      <protection locked="0"/>
    </xf>
    <xf numFmtId="177" fontId="3" fillId="0" borderId="29" xfId="2" applyNumberFormat="1" applyFont="1" applyFill="1" applyBorder="1" applyAlignment="1" applyProtection="1">
      <alignment vertical="center" wrapText="1"/>
      <protection locked="0"/>
    </xf>
    <xf numFmtId="181" fontId="3" fillId="0" borderId="30" xfId="0" applyNumberFormat="1" applyFont="1" applyFill="1" applyBorder="1" applyAlignment="1" applyProtection="1">
      <alignment vertical="center"/>
      <protection locked="0"/>
    </xf>
    <xf numFmtId="178" fontId="3" fillId="0" borderId="31" xfId="0" applyNumberFormat="1" applyFont="1" applyFill="1" applyBorder="1" applyAlignment="1" applyProtection="1">
      <alignment vertical="center"/>
      <protection locked="0"/>
    </xf>
    <xf numFmtId="181" fontId="3" fillId="0" borderId="29" xfId="0" applyNumberFormat="1" applyFont="1" applyFill="1" applyBorder="1" applyAlignment="1" applyProtection="1">
      <alignment vertical="center"/>
    </xf>
    <xf numFmtId="179" fontId="3" fillId="0" borderId="30" xfId="0" applyNumberFormat="1" applyFont="1" applyFill="1" applyBorder="1" applyAlignment="1" applyProtection="1">
      <alignment horizontal="right" vertical="center"/>
    </xf>
    <xf numFmtId="176" fontId="3" fillId="0" borderId="31" xfId="0" applyNumberFormat="1" applyFont="1" applyFill="1" applyBorder="1" applyAlignment="1" applyProtection="1">
      <alignment vertical="center"/>
      <protection locked="0"/>
    </xf>
    <xf numFmtId="176" fontId="3" fillId="0" borderId="32" xfId="0" applyNumberFormat="1" applyFont="1" applyFill="1" applyBorder="1" applyAlignment="1" applyProtection="1">
      <alignment vertical="center"/>
      <protection locked="0"/>
    </xf>
    <xf numFmtId="0" fontId="4" fillId="0" borderId="31" xfId="0" applyFont="1" applyFill="1" applyBorder="1" applyAlignment="1" applyProtection="1">
      <alignment vertical="center" wrapText="1"/>
      <protection locked="0"/>
    </xf>
    <xf numFmtId="181" fontId="3" fillId="0" borderId="29" xfId="2" applyNumberFormat="1" applyFont="1" applyFill="1" applyBorder="1" applyAlignment="1" applyProtection="1">
      <alignment vertical="center"/>
    </xf>
    <xf numFmtId="180" fontId="3" fillId="0" borderId="31" xfId="0" applyNumberFormat="1" applyFont="1" applyFill="1" applyBorder="1" applyAlignment="1" applyProtection="1">
      <alignment vertical="center"/>
      <protection locked="0"/>
    </xf>
    <xf numFmtId="181" fontId="3" fillId="0" borderId="31" xfId="0" applyNumberFormat="1" applyFont="1" applyFill="1" applyBorder="1" applyAlignment="1" applyProtection="1">
      <alignment vertical="center"/>
      <protection locked="0"/>
    </xf>
    <xf numFmtId="179" fontId="3" fillId="0" borderId="29" xfId="0" applyNumberFormat="1" applyFont="1" applyFill="1" applyBorder="1" applyAlignment="1" applyProtection="1">
      <alignment horizontal="right" vertical="center"/>
    </xf>
    <xf numFmtId="181" fontId="3" fillId="0" borderId="33" xfId="0" applyNumberFormat="1" applyFont="1" applyFill="1" applyBorder="1" applyAlignment="1" applyProtection="1">
      <alignment vertical="center"/>
      <protection locked="0"/>
    </xf>
    <xf numFmtId="176" fontId="3" fillId="0" borderId="33" xfId="0" applyNumberFormat="1" applyFont="1" applyFill="1" applyBorder="1" applyAlignment="1" applyProtection="1">
      <alignment vertical="center"/>
      <protection locked="0"/>
    </xf>
    <xf numFmtId="182" fontId="3" fillId="0" borderId="29" xfId="2" applyNumberFormat="1" applyFont="1" applyFill="1" applyBorder="1" applyAlignment="1" applyProtection="1">
      <alignment vertical="center" wrapText="1"/>
      <protection locked="0"/>
    </xf>
    <xf numFmtId="181" fontId="3" fillId="0" borderId="29" xfId="2" applyNumberFormat="1" applyFont="1" applyFill="1" applyBorder="1" applyAlignment="1" applyProtection="1">
      <alignment vertical="center" wrapText="1"/>
      <protection locked="0"/>
    </xf>
    <xf numFmtId="177" fontId="3" fillId="0" borderId="19" xfId="2" applyNumberFormat="1" applyFont="1" applyFill="1" applyBorder="1" applyAlignment="1" applyProtection="1">
      <alignment vertical="center" wrapText="1"/>
      <protection locked="0"/>
    </xf>
    <xf numFmtId="181" fontId="3" fillId="0" borderId="24" xfId="0" applyNumberFormat="1" applyFont="1" applyFill="1" applyBorder="1" applyAlignment="1" applyProtection="1">
      <alignment vertical="center"/>
      <protection locked="0"/>
    </xf>
    <xf numFmtId="184" fontId="3" fillId="0" borderId="30" xfId="0" applyNumberFormat="1" applyFont="1" applyFill="1" applyBorder="1" applyAlignment="1" applyProtection="1">
      <alignment horizontal="right" vertical="center"/>
    </xf>
    <xf numFmtId="0" fontId="4" fillId="2" borderId="1" xfId="0" applyFont="1" applyFill="1" applyBorder="1" applyAlignment="1" applyProtection="1">
      <alignment horizontal="center" vertical="center" wrapText="1"/>
    </xf>
    <xf numFmtId="0" fontId="4" fillId="2" borderId="2" xfId="0" applyFont="1" applyFill="1" applyBorder="1" applyAlignment="1" applyProtection="1">
      <alignment horizontal="center" vertical="center" wrapText="1"/>
    </xf>
    <xf numFmtId="0" fontId="4" fillId="2" borderId="11" xfId="0" applyFont="1" applyFill="1" applyBorder="1" applyAlignment="1" applyProtection="1">
      <alignment horizontal="center" vertical="center" wrapText="1"/>
    </xf>
    <xf numFmtId="0" fontId="4" fillId="2" borderId="12" xfId="0" applyFont="1" applyFill="1" applyBorder="1" applyAlignment="1" applyProtection="1">
      <alignment horizontal="center" vertical="center" wrapText="1"/>
    </xf>
    <xf numFmtId="0" fontId="4" fillId="2" borderId="10" xfId="0" applyFont="1" applyFill="1" applyBorder="1" applyAlignment="1" applyProtection="1">
      <alignment horizontal="center" vertical="center" wrapText="1"/>
    </xf>
    <xf numFmtId="0" fontId="4" fillId="2" borderId="3" xfId="0" applyFont="1" applyFill="1" applyBorder="1" applyAlignment="1" applyProtection="1">
      <alignment horizontal="center" vertical="center" wrapText="1"/>
    </xf>
    <xf numFmtId="0" fontId="3" fillId="0" borderId="4" xfId="0" applyFont="1" applyFill="1" applyBorder="1" applyAlignment="1" applyProtection="1">
      <alignment horizontal="center" vertical="center" wrapText="1"/>
    </xf>
    <xf numFmtId="0" fontId="3" fillId="0" borderId="2" xfId="0" applyFont="1" applyFill="1" applyBorder="1" applyAlignment="1" applyProtection="1">
      <alignment horizontal="center" vertical="center" wrapText="1"/>
    </xf>
    <xf numFmtId="0" fontId="3" fillId="0" borderId="3" xfId="0" applyFont="1" applyFill="1" applyBorder="1" applyAlignment="1" applyProtection="1">
      <alignment horizontal="center" vertical="center" wrapText="1"/>
    </xf>
    <xf numFmtId="0" fontId="3" fillId="0" borderId="4" xfId="0" applyFont="1" applyFill="1" applyBorder="1" applyAlignment="1" applyProtection="1">
      <alignment horizontal="left" vertical="center" wrapText="1"/>
      <protection locked="0"/>
    </xf>
    <xf numFmtId="0" fontId="3" fillId="0" borderId="2" xfId="0" applyFont="1" applyFill="1" applyBorder="1" applyAlignment="1" applyProtection="1">
      <alignment horizontal="left" vertical="center" wrapText="1"/>
      <protection locked="0"/>
    </xf>
    <xf numFmtId="0" fontId="3" fillId="0" borderId="3" xfId="0" applyFont="1" applyFill="1" applyBorder="1" applyAlignment="1" applyProtection="1">
      <alignment horizontal="left" vertical="center" wrapText="1"/>
      <protection locked="0"/>
    </xf>
    <xf numFmtId="0" fontId="3" fillId="0" borderId="4" xfId="0" applyFont="1" applyFill="1" applyBorder="1" applyAlignment="1" applyProtection="1">
      <alignment vertical="center" wrapText="1"/>
      <protection locked="0"/>
    </xf>
    <xf numFmtId="0" fontId="3" fillId="0" borderId="2" xfId="0" applyFont="1" applyFill="1" applyBorder="1" applyAlignment="1" applyProtection="1">
      <alignment vertical="center" wrapText="1"/>
      <protection locked="0"/>
    </xf>
    <xf numFmtId="0" fontId="3" fillId="0" borderId="3" xfId="0" applyFont="1" applyFill="1" applyBorder="1" applyAlignment="1" applyProtection="1">
      <alignment vertical="center" wrapText="1"/>
      <protection locked="0"/>
    </xf>
    <xf numFmtId="0" fontId="3" fillId="0" borderId="4" xfId="0" applyFont="1" applyFill="1" applyBorder="1" applyAlignment="1" applyProtection="1">
      <alignment horizontal="center" vertical="center" wrapText="1"/>
      <protection locked="0"/>
    </xf>
    <xf numFmtId="0" fontId="3" fillId="0" borderId="2" xfId="0" applyFont="1" applyFill="1" applyBorder="1" applyAlignment="1" applyProtection="1">
      <alignment horizontal="center" vertical="center" wrapText="1"/>
      <protection locked="0"/>
    </xf>
    <xf numFmtId="0" fontId="3" fillId="0" borderId="3" xfId="0" applyFont="1" applyFill="1" applyBorder="1" applyAlignment="1" applyProtection="1">
      <alignment horizontal="center" vertical="center" wrapText="1"/>
      <protection locked="0"/>
    </xf>
    <xf numFmtId="0" fontId="5" fillId="2" borderId="1" xfId="0" applyFont="1" applyFill="1" applyBorder="1" applyAlignment="1" applyProtection="1">
      <alignment horizontal="left" vertical="center" wrapText="1"/>
    </xf>
    <xf numFmtId="0" fontId="5" fillId="2" borderId="2" xfId="0" applyFont="1" applyFill="1" applyBorder="1" applyAlignment="1" applyProtection="1">
      <alignment horizontal="left" vertical="center" wrapText="1"/>
    </xf>
    <xf numFmtId="0" fontId="13" fillId="0" borderId="4" xfId="0" applyFont="1" applyFill="1" applyBorder="1" applyAlignment="1" applyProtection="1">
      <alignment horizontal="left" vertical="center" wrapText="1"/>
      <protection locked="0"/>
    </xf>
    <xf numFmtId="0" fontId="13" fillId="0" borderId="2" xfId="0" applyFont="1" applyFill="1" applyBorder="1" applyAlignment="1" applyProtection="1">
      <alignment horizontal="left" vertical="center" wrapText="1"/>
      <protection locked="0"/>
    </xf>
    <xf numFmtId="0" fontId="13" fillId="0" borderId="3" xfId="0" applyFont="1" applyFill="1" applyBorder="1" applyAlignment="1" applyProtection="1">
      <alignment horizontal="left" vertical="center" wrapText="1"/>
      <protection locked="0"/>
    </xf>
    <xf numFmtId="0" fontId="10" fillId="0" borderId="7" xfId="1" applyFont="1" applyFill="1" applyBorder="1" applyAlignment="1" applyProtection="1">
      <alignment vertical="center" wrapText="1"/>
      <protection locked="0"/>
    </xf>
    <xf numFmtId="0" fontId="10" fillId="0" borderId="2" xfId="1" applyFont="1" applyFill="1" applyBorder="1" applyAlignment="1" applyProtection="1">
      <alignment vertical="center" wrapText="1"/>
      <protection locked="0"/>
    </xf>
    <xf numFmtId="0" fontId="10" fillId="0" borderId="3" xfId="1" applyFont="1" applyFill="1" applyBorder="1" applyAlignment="1" applyProtection="1">
      <alignment vertical="center" wrapText="1"/>
      <protection locked="0"/>
    </xf>
    <xf numFmtId="0" fontId="9" fillId="0" borderId="7" xfId="1" applyFont="1" applyFill="1" applyBorder="1" applyAlignment="1" applyProtection="1">
      <alignment horizontal="left" vertical="center" wrapText="1"/>
      <protection locked="0"/>
    </xf>
    <xf numFmtId="0" fontId="9" fillId="0" borderId="2" xfId="1" applyFont="1" applyFill="1" applyBorder="1" applyAlignment="1" applyProtection="1">
      <alignment horizontal="left" vertical="center" wrapText="1"/>
      <protection locked="0"/>
    </xf>
    <xf numFmtId="0" fontId="9" fillId="0" borderId="3" xfId="1" applyFont="1" applyFill="1" applyBorder="1" applyAlignment="1" applyProtection="1">
      <alignment horizontal="left" vertical="center" wrapText="1"/>
      <protection locked="0"/>
    </xf>
    <xf numFmtId="0" fontId="13" fillId="0" borderId="4" xfId="1" applyFont="1" applyFill="1" applyBorder="1" applyAlignment="1" applyProtection="1">
      <alignment vertical="center" wrapText="1"/>
      <protection locked="0"/>
    </xf>
    <xf numFmtId="0" fontId="13" fillId="0" borderId="2" xfId="1" applyFont="1" applyFill="1" applyBorder="1" applyAlignment="1" applyProtection="1">
      <alignment vertical="center" wrapText="1"/>
      <protection locked="0"/>
    </xf>
    <xf numFmtId="0" fontId="13" fillId="0" borderId="3" xfId="1" applyFont="1" applyFill="1" applyBorder="1" applyAlignment="1" applyProtection="1">
      <alignment vertical="center" wrapText="1"/>
      <protection locked="0"/>
    </xf>
    <xf numFmtId="0" fontId="9" fillId="0" borderId="4" xfId="1" applyFont="1" applyFill="1" applyBorder="1" applyAlignment="1" applyProtection="1">
      <alignment horizontal="left" vertical="center" wrapText="1"/>
      <protection locked="0"/>
    </xf>
    <xf numFmtId="176" fontId="3" fillId="0" borderId="2" xfId="0" applyNumberFormat="1" applyFont="1" applyFill="1" applyBorder="1" applyAlignment="1" applyProtection="1">
      <alignment vertical="center" wrapText="1"/>
      <protection locked="0"/>
    </xf>
    <xf numFmtId="0" fontId="3" fillId="0" borderId="2" xfId="0" applyFont="1" applyFill="1" applyBorder="1" applyAlignment="1" applyProtection="1">
      <alignment horizontal="left" vertical="top" wrapText="1"/>
      <protection locked="0"/>
    </xf>
    <xf numFmtId="176" fontId="13" fillId="0" borderId="4" xfId="0" applyNumberFormat="1" applyFont="1" applyFill="1" applyBorder="1" applyAlignment="1" applyProtection="1">
      <alignment horizontal="left" vertical="center" wrapText="1"/>
      <protection locked="0"/>
    </xf>
    <xf numFmtId="176" fontId="13" fillId="0" borderId="2" xfId="0" applyNumberFormat="1" applyFont="1" applyFill="1" applyBorder="1" applyAlignment="1" applyProtection="1">
      <alignment horizontal="left" vertical="center" wrapText="1"/>
      <protection locked="0"/>
    </xf>
    <xf numFmtId="176" fontId="13" fillId="0" borderId="3" xfId="0" applyNumberFormat="1" applyFont="1" applyFill="1" applyBorder="1" applyAlignment="1" applyProtection="1">
      <alignment horizontal="left" vertical="center" wrapText="1"/>
      <protection locked="0"/>
    </xf>
    <xf numFmtId="0" fontId="3" fillId="0" borderId="4" xfId="1" applyFont="1" applyFill="1" applyBorder="1" applyAlignment="1" applyProtection="1">
      <alignment horizontal="left" vertical="center" wrapText="1"/>
      <protection locked="0"/>
    </xf>
    <xf numFmtId="0" fontId="10" fillId="0" borderId="2" xfId="1" applyFont="1" applyFill="1" applyBorder="1" applyAlignment="1" applyProtection="1">
      <alignment horizontal="left" vertical="center" wrapText="1"/>
      <protection locked="0"/>
    </xf>
    <xf numFmtId="0" fontId="10" fillId="0" borderId="3" xfId="1" applyFont="1" applyFill="1" applyBorder="1" applyAlignment="1" applyProtection="1">
      <alignment horizontal="left" vertical="center" wrapText="1"/>
      <protection locked="0"/>
    </xf>
    <xf numFmtId="0" fontId="3" fillId="0" borderId="4" xfId="1" applyFont="1" applyFill="1" applyBorder="1" applyAlignment="1" applyProtection="1">
      <alignment vertical="center" wrapText="1"/>
      <protection locked="0"/>
    </xf>
    <xf numFmtId="0" fontId="10" fillId="0" borderId="4" xfId="1" applyFont="1" applyFill="1" applyBorder="1" applyAlignment="1" applyProtection="1">
      <alignment vertical="center" wrapText="1"/>
      <protection locked="0"/>
    </xf>
    <xf numFmtId="176" fontId="3" fillId="0" borderId="2" xfId="0" applyNumberFormat="1" applyFont="1" applyFill="1" applyBorder="1" applyAlignment="1" applyProtection="1">
      <alignment horizontal="left" vertical="center" wrapText="1"/>
      <protection locked="0"/>
    </xf>
    <xf numFmtId="176" fontId="3" fillId="0" borderId="4" xfId="0" applyNumberFormat="1" applyFont="1" applyFill="1" applyBorder="1" applyAlignment="1" applyProtection="1">
      <alignment horizontal="left" vertical="center" wrapText="1"/>
      <protection locked="0"/>
    </xf>
    <xf numFmtId="176" fontId="3" fillId="0" borderId="3" xfId="0" applyNumberFormat="1" applyFont="1" applyFill="1" applyBorder="1" applyAlignment="1" applyProtection="1">
      <alignment horizontal="left" vertical="center" wrapText="1"/>
      <protection locked="0"/>
    </xf>
    <xf numFmtId="176" fontId="3" fillId="0" borderId="2" xfId="0" applyNumberFormat="1" applyFont="1" applyFill="1" applyBorder="1" applyAlignment="1" applyProtection="1">
      <alignment horizontal="right" vertical="top" wrapText="1"/>
      <protection locked="0"/>
    </xf>
    <xf numFmtId="0" fontId="8" fillId="0" borderId="4" xfId="0" applyFont="1" applyFill="1" applyBorder="1" applyAlignment="1" applyProtection="1">
      <alignment vertical="center" wrapText="1"/>
      <protection locked="0"/>
    </xf>
    <xf numFmtId="0" fontId="8" fillId="0" borderId="2" xfId="0" applyFont="1" applyFill="1" applyBorder="1" applyAlignment="1" applyProtection="1">
      <alignment vertical="center" wrapText="1"/>
      <protection locked="0"/>
    </xf>
    <xf numFmtId="0" fontId="8" fillId="0" borderId="3" xfId="0" applyFont="1" applyFill="1" applyBorder="1" applyAlignment="1" applyProtection="1">
      <alignment vertical="center" wrapText="1"/>
      <protection locked="0"/>
    </xf>
    <xf numFmtId="176" fontId="3" fillId="0" borderId="4" xfId="0" applyNumberFormat="1" applyFont="1" applyFill="1" applyBorder="1" applyAlignment="1" applyProtection="1">
      <alignment horizontal="left" vertical="top" wrapText="1"/>
      <protection locked="0"/>
    </xf>
    <xf numFmtId="176" fontId="3" fillId="0" borderId="2" xfId="0" applyNumberFormat="1" applyFont="1" applyFill="1" applyBorder="1" applyAlignment="1" applyProtection="1">
      <alignment horizontal="left" vertical="top" wrapText="1"/>
      <protection locked="0"/>
    </xf>
    <xf numFmtId="176" fontId="13" fillId="0" borderId="8" xfId="0" applyNumberFormat="1" applyFont="1" applyFill="1" applyBorder="1" applyAlignment="1" applyProtection="1">
      <alignment horizontal="left" vertical="center" wrapText="1"/>
      <protection locked="0"/>
    </xf>
    <xf numFmtId="176" fontId="3" fillId="0" borderId="3" xfId="0" applyNumberFormat="1" applyFont="1" applyFill="1" applyBorder="1" applyAlignment="1" applyProtection="1">
      <alignment horizontal="left" vertical="top" wrapText="1"/>
      <protection locked="0"/>
    </xf>
    <xf numFmtId="0" fontId="10" fillId="0" borderId="2" xfId="1" applyFont="1" applyFill="1" applyBorder="1" applyAlignment="1" applyProtection="1">
      <alignment horizontal="center" vertical="center" wrapText="1"/>
      <protection locked="0"/>
    </xf>
    <xf numFmtId="176" fontId="3" fillId="0" borderId="3" xfId="0" applyNumberFormat="1" applyFont="1" applyFill="1" applyBorder="1" applyAlignment="1" applyProtection="1">
      <alignment vertical="center" wrapText="1"/>
      <protection locked="0"/>
    </xf>
    <xf numFmtId="176" fontId="8" fillId="0" borderId="2" xfId="0" applyNumberFormat="1" applyFont="1" applyFill="1" applyBorder="1" applyAlignment="1" applyProtection="1">
      <alignment vertical="center" wrapText="1"/>
      <protection locked="0"/>
    </xf>
    <xf numFmtId="176" fontId="8" fillId="0" borderId="3" xfId="0" applyNumberFormat="1" applyFont="1" applyFill="1" applyBorder="1" applyAlignment="1" applyProtection="1">
      <alignment vertical="center" wrapText="1"/>
      <protection locked="0"/>
    </xf>
    <xf numFmtId="0" fontId="11" fillId="0" borderId="4" xfId="1" applyFont="1" applyFill="1" applyBorder="1" applyAlignment="1" applyProtection="1">
      <alignment vertical="center" wrapText="1"/>
      <protection locked="0"/>
    </xf>
    <xf numFmtId="0" fontId="3" fillId="0" borderId="2" xfId="1" applyFont="1" applyFill="1" applyBorder="1" applyAlignment="1" applyProtection="1">
      <alignment vertical="center" wrapText="1"/>
      <protection locked="0"/>
    </xf>
    <xf numFmtId="0" fontId="3" fillId="0" borderId="3" xfId="1" applyFont="1" applyFill="1" applyBorder="1" applyAlignment="1" applyProtection="1">
      <alignment vertical="center" wrapText="1"/>
      <protection locked="0"/>
    </xf>
    <xf numFmtId="0" fontId="11" fillId="0" borderId="4" xfId="0" applyFont="1" applyFill="1" applyBorder="1" applyAlignment="1" applyProtection="1">
      <alignment horizontal="left" vertical="center" wrapText="1"/>
      <protection locked="0"/>
    </xf>
    <xf numFmtId="0" fontId="12" fillId="0" borderId="2" xfId="0" applyFont="1" applyFill="1" applyBorder="1" applyProtection="1">
      <alignment vertical="center"/>
      <protection locked="0"/>
    </xf>
    <xf numFmtId="0" fontId="12" fillId="0" borderId="3" xfId="0" applyFont="1" applyFill="1" applyBorder="1" applyProtection="1">
      <alignment vertical="center"/>
      <protection locked="0"/>
    </xf>
    <xf numFmtId="0" fontId="13" fillId="0" borderId="2" xfId="0" applyFont="1" applyFill="1" applyBorder="1" applyAlignment="1" applyProtection="1">
      <alignment vertical="center" wrapText="1"/>
      <protection locked="0"/>
    </xf>
    <xf numFmtId="0" fontId="13" fillId="0" borderId="3" xfId="0" applyFont="1" applyFill="1" applyBorder="1" applyAlignment="1" applyProtection="1">
      <alignment vertical="center" wrapText="1"/>
      <protection locked="0"/>
    </xf>
    <xf numFmtId="0" fontId="12" fillId="0" borderId="2" xfId="0" applyFont="1" applyFill="1" applyBorder="1" applyAlignment="1" applyProtection="1">
      <alignment vertical="center" wrapText="1"/>
      <protection locked="0"/>
    </xf>
    <xf numFmtId="0" fontId="3" fillId="0" borderId="4" xfId="0" applyFont="1" applyFill="1" applyBorder="1" applyAlignment="1" applyProtection="1">
      <alignment horizontal="left" vertical="top" wrapText="1"/>
      <protection locked="0"/>
    </xf>
    <xf numFmtId="176" fontId="13" fillId="0" borderId="2" xfId="0" applyNumberFormat="1" applyFont="1" applyFill="1" applyBorder="1" applyAlignment="1" applyProtection="1">
      <alignment vertical="center" wrapText="1"/>
      <protection locked="0"/>
    </xf>
    <xf numFmtId="0" fontId="13" fillId="0" borderId="2" xfId="0" applyFont="1" applyFill="1" applyBorder="1">
      <alignment vertical="center"/>
    </xf>
    <xf numFmtId="0" fontId="13" fillId="0" borderId="3" xfId="0" applyFont="1" applyFill="1" applyBorder="1">
      <alignment vertical="center"/>
    </xf>
    <xf numFmtId="0" fontId="10" fillId="0" borderId="3" xfId="1" applyFont="1" applyFill="1" applyBorder="1" applyAlignment="1" applyProtection="1">
      <alignment horizontal="center" vertical="center" wrapText="1"/>
      <protection locked="0"/>
    </xf>
    <xf numFmtId="0" fontId="10" fillId="0" borderId="5" xfId="1" applyFont="1" applyFill="1" applyBorder="1" applyAlignment="1" applyProtection="1">
      <alignment vertical="center" wrapText="1"/>
      <protection locked="0"/>
    </xf>
    <xf numFmtId="0" fontId="3" fillId="0" borderId="5" xfId="0" applyFont="1" applyFill="1" applyBorder="1" applyAlignment="1" applyProtection="1">
      <alignment vertical="center" wrapText="1"/>
      <protection locked="0"/>
    </xf>
    <xf numFmtId="0" fontId="9" fillId="0" borderId="5" xfId="1" applyFont="1" applyFill="1" applyBorder="1" applyAlignment="1" applyProtection="1">
      <alignment horizontal="left" vertical="center" wrapText="1"/>
      <protection locked="0"/>
    </xf>
    <xf numFmtId="0" fontId="3" fillId="0" borderId="5" xfId="0" applyFont="1" applyFill="1" applyBorder="1" applyAlignment="1" applyProtection="1">
      <alignment horizontal="left" vertical="center" wrapText="1"/>
      <protection locked="0"/>
    </xf>
    <xf numFmtId="0" fontId="4" fillId="0" borderId="7" xfId="0" applyFont="1" applyFill="1" applyBorder="1" applyAlignment="1" applyProtection="1">
      <alignment horizontal="center" vertical="center" wrapText="1"/>
      <protection locked="0"/>
    </xf>
    <xf numFmtId="0" fontId="4" fillId="0" borderId="8" xfId="0" applyFont="1" applyFill="1" applyBorder="1" applyAlignment="1" applyProtection="1">
      <alignment horizontal="center" vertical="center" wrapText="1"/>
      <protection locked="0"/>
    </xf>
    <xf numFmtId="0" fontId="4" fillId="0" borderId="9" xfId="0" applyFont="1" applyFill="1" applyBorder="1" applyAlignment="1" applyProtection="1">
      <alignment horizontal="center" vertical="center" wrapText="1"/>
      <protection locked="0"/>
    </xf>
    <xf numFmtId="0" fontId="3" fillId="0" borderId="5" xfId="1" applyFont="1" applyFill="1" applyBorder="1" applyAlignment="1" applyProtection="1">
      <alignment vertical="center" wrapText="1"/>
      <protection locked="0"/>
    </xf>
  </cellXfs>
  <cellStyles count="3">
    <cellStyle name="ハイパーリンク" xfId="1" builtinId="8"/>
    <cellStyle name="桁区切り" xfId="2" builtinId="6"/>
    <cellStyle name="標準" xfId="0" builtinId="0"/>
  </cellStyles>
  <dxfs count="0"/>
  <tableStyles count="0" defaultTableStyle="TableStyleMedium2" defaultPivotStyle="PivotStyleLight16"/>
  <colors>
    <mruColors>
      <color rgb="FFFFCCCC"/>
      <color rgb="FFFF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pref.kanagawa.jp/documents/66065/14_r6_moni_honkou.pdf" TargetMode="External"/><Relationship Id="rId18" Type="http://schemas.openxmlformats.org/officeDocument/2006/relationships/hyperlink" Target="https://www.pref.kanagawa.jp/documents/66065/19_r6_moni_tsukuiyamayurien.pdf" TargetMode="External"/><Relationship Id="rId26" Type="http://schemas.openxmlformats.org/officeDocument/2006/relationships/hyperlink" Target="https://www.pref.kanagawa.jp/documents/66065/25_r6_moni_kanagawaroudouplaza.pdf" TargetMode="External"/><Relationship Id="rId39" Type="http://schemas.openxmlformats.org/officeDocument/2006/relationships/hyperlink" Target="https://www.pref.kanagawa.jp/documents/66065/36_r6_moni_sagamiharakouen.pdf" TargetMode="External"/><Relationship Id="rId21" Type="http://schemas.openxmlformats.org/officeDocument/2006/relationships/hyperlink" Target="https://www.pref.kanagawa.jp/documents/66065/18_r6_moni_choukakusyougai.pdf" TargetMode="External"/><Relationship Id="rId34" Type="http://schemas.openxmlformats.org/officeDocument/2006/relationships/hyperlink" Target="https://www.pref.kanagawa.jp/documents/66065/31_r6_moni_jyougasimakouen.pdf" TargetMode="External"/><Relationship Id="rId42" Type="http://schemas.openxmlformats.org/officeDocument/2006/relationships/hyperlink" Target="https://www.pref.kanagawa.jp/documents/66065/39_r6_moni_sikinomorikouen.pdf" TargetMode="External"/><Relationship Id="rId47" Type="http://schemas.openxmlformats.org/officeDocument/2006/relationships/hyperlink" Target="https://www.pref.kanagawa.jp/documents/66065/44_r6_moni_sagamisansenkouen.pdf" TargetMode="External"/><Relationship Id="rId50" Type="http://schemas.openxmlformats.org/officeDocument/2006/relationships/hyperlink" Target="https://www.pref.kanagawa.jp/documents/66065/47_r6_moni_yamakitatsuburanokouen.pdf" TargetMode="External"/><Relationship Id="rId55" Type="http://schemas.openxmlformats.org/officeDocument/2006/relationships/hyperlink" Target="https://www.pref.kanagawa.jp/documents/66065/52_r6_moni_ooisokou.pdf" TargetMode="External"/><Relationship Id="rId7" Type="http://schemas.openxmlformats.org/officeDocument/2006/relationships/hyperlink" Target="https://www.pref.kanagawa.jp/documents/66065/07_r6_moni_budoukan.pdf" TargetMode="External"/><Relationship Id="rId2" Type="http://schemas.openxmlformats.org/officeDocument/2006/relationships/hyperlink" Target="https://www.pref.kanagawa.jp/documents/66065/04_r6_moni_arthall.pdf" TargetMode="External"/><Relationship Id="rId16" Type="http://schemas.openxmlformats.org/officeDocument/2006/relationships/hyperlink" Target="https://www.pref.kanagawa.jp/documents/66065/13_r6_moni_oohunaflowercenter.pdf" TargetMode="External"/><Relationship Id="rId29" Type="http://schemas.openxmlformats.org/officeDocument/2006/relationships/hyperlink" Target="https://www.pref.kanagawa.jp/documents/66065/26_r6_moni_tsukayamakouen.pdf" TargetMode="External"/><Relationship Id="rId11" Type="http://schemas.openxmlformats.org/officeDocument/2006/relationships/hyperlink" Target="https://www.pref.kanagawa.jp/documents/66065/10_r6_moni_visitorcenter.pdf" TargetMode="External"/><Relationship Id="rId24" Type="http://schemas.openxmlformats.org/officeDocument/2006/relationships/hyperlink" Target="https://www.pref.kanagawa.jp/documents/66065/23_r6_moni_miurasiratorien.pdf" TargetMode="External"/><Relationship Id="rId32" Type="http://schemas.openxmlformats.org/officeDocument/2006/relationships/hyperlink" Target="https://www.pref.kanagawa.jp/documents/66065/28_r6_moni_mitsuikekouen.pdf" TargetMode="External"/><Relationship Id="rId37" Type="http://schemas.openxmlformats.org/officeDocument/2006/relationships/hyperlink" Target="https://www.pref.kanagawa.jp/documents/66065/34_r6_moni_kannnonnzakikouen.pdf" TargetMode="External"/><Relationship Id="rId40" Type="http://schemas.openxmlformats.org/officeDocument/2006/relationships/hyperlink" Target="https://www.pref.kanagawa.jp/documents/66065/37_r6_moni_ooisojyoyamakouenn.pdf" TargetMode="External"/><Relationship Id="rId45" Type="http://schemas.openxmlformats.org/officeDocument/2006/relationships/hyperlink" Target="https://www.pref.kanagawa.jp/documents/66065/42_r6_moni_chigasakisatoyamakouen.pdf" TargetMode="External"/><Relationship Id="rId53" Type="http://schemas.openxmlformats.org/officeDocument/2006/relationships/hyperlink" Target="https://www.pref.kanagawa.jp/documents/66065/50_r6_moni_syounankou.pdf" TargetMode="External"/><Relationship Id="rId58" Type="http://schemas.openxmlformats.org/officeDocument/2006/relationships/printerSettings" Target="../printerSettings/printerSettings1.bin"/><Relationship Id="rId5" Type="http://schemas.openxmlformats.org/officeDocument/2006/relationships/hyperlink" Target="https://www.pref.kanagawa.jp/documents/66065/02_r6_moni_chikyuusiminkanagawaplaza.pdf" TargetMode="External"/><Relationship Id="rId19" Type="http://schemas.openxmlformats.org/officeDocument/2006/relationships/hyperlink" Target="https://www.pref.kanagawa.jp/documents/66065/20_r6_moni_serigayayamayurien.pdf" TargetMode="External"/><Relationship Id="rId4" Type="http://schemas.openxmlformats.org/officeDocument/2006/relationships/hyperlink" Target="https://www.pref.kanagawa.jp/documents/66065/05_r6_moni_kindaibungakukan.pdf" TargetMode="External"/><Relationship Id="rId9" Type="http://schemas.openxmlformats.org/officeDocument/2006/relationships/hyperlink" Target="https://www.pref.kanagawa.jp/documents/66065/09_r6_moni_iseharasyagekijyou.pdf" TargetMode="External"/><Relationship Id="rId14" Type="http://schemas.openxmlformats.org/officeDocument/2006/relationships/hyperlink" Target="https://www.pref.kanagawa.jp/documents/66065/15_r6_moni_miyakawa.pdf" TargetMode="External"/><Relationship Id="rId22" Type="http://schemas.openxmlformats.org/officeDocument/2006/relationships/hyperlink" Target="https://www.pref.kanagawa.jp/documents/66065/21_r6_moni_ainayamayurien.pdf" TargetMode="External"/><Relationship Id="rId27" Type="http://schemas.openxmlformats.org/officeDocument/2006/relationships/hyperlink" Target="https://www.pref.kanagawa.jp/documents/66065/61_r6_moni_hadanotogawakouen_sangakusportscenter.pdf" TargetMode="External"/><Relationship Id="rId30" Type="http://schemas.openxmlformats.org/officeDocument/2006/relationships/hyperlink" Target="https://www.pref.kanagawa.jp/documents/66065/29_r6_moni_hayamakouen_hayamasanngaokaryokuti.pdf" TargetMode="External"/><Relationship Id="rId35" Type="http://schemas.openxmlformats.org/officeDocument/2006/relationships/hyperlink" Target="https://www.pref.kanagawa.jp/documents/66065/32_r6_moni_onnshihakonekouen.pdf" TargetMode="External"/><Relationship Id="rId43" Type="http://schemas.openxmlformats.org/officeDocument/2006/relationships/hyperlink" Target="https://www.pref.kanagawa.jp/documents/66065/40_r6_moni_zamayatoyamakouen.pdf" TargetMode="External"/><Relationship Id="rId48" Type="http://schemas.openxmlformats.org/officeDocument/2006/relationships/hyperlink" Target="https://www.pref.kanagawa.jp/documents/66065/45_r6_moni_odawarasuwanoharakouen.pdf" TargetMode="External"/><Relationship Id="rId56" Type="http://schemas.openxmlformats.org/officeDocument/2006/relationships/hyperlink" Target="https://www.pref.kanagawa.jp/documents/66065/58_r6_moni_ashigara.pdf" TargetMode="External"/><Relationship Id="rId8" Type="http://schemas.openxmlformats.org/officeDocument/2006/relationships/hyperlink" Target="https://www.pref.kanagawa.jp/documents/66065/08_r6_moni_seisyou.pdf" TargetMode="External"/><Relationship Id="rId51" Type="http://schemas.openxmlformats.org/officeDocument/2006/relationships/hyperlink" Target="https://www.pref.kanagawa.jp/documents/66065/48_r6_moni_yuigahamatikatyushajou.pdf" TargetMode="External"/><Relationship Id="rId3" Type="http://schemas.openxmlformats.org/officeDocument/2006/relationships/hyperlink" Target="https://www.pref.kanagawa.jp/documents/66065/03_r6_moni_kenminhall_ongakudou.pdf" TargetMode="External"/><Relationship Id="rId12" Type="http://schemas.openxmlformats.org/officeDocument/2006/relationships/hyperlink" Target="https://www.pref.kanagawa.jp/documents/66065/11_r6_moni_21seikinomori.pdf" TargetMode="External"/><Relationship Id="rId17" Type="http://schemas.openxmlformats.org/officeDocument/2006/relationships/hyperlink" Target="https://www.pref.kanagawa.jp/documents/66065/16_r6_moni_jyoseijiritusiensisetu.pdf" TargetMode="External"/><Relationship Id="rId25" Type="http://schemas.openxmlformats.org/officeDocument/2006/relationships/hyperlink" Target="https://www.pref.kanagawa.jp/documents/66065/24_r6_moni_rehabilitation.pdf" TargetMode="External"/><Relationship Id="rId33" Type="http://schemas.openxmlformats.org/officeDocument/2006/relationships/hyperlink" Target="https://www.pref.kanagawa.jp/documents/66065/30_r6_moni_syounannkaigannkouen.pdf" TargetMode="External"/><Relationship Id="rId38" Type="http://schemas.openxmlformats.org/officeDocument/2006/relationships/hyperlink" Target="https://www.pref.kanagawa.jp/documents/66065/35_r6_moni_higasitakanesinnrinnkouen.pdf" TargetMode="External"/><Relationship Id="rId46" Type="http://schemas.openxmlformats.org/officeDocument/2006/relationships/hyperlink" Target="https://www.pref.kanagawa.jp/documents/66065/43_r6_moni_aikawakouen.pdf" TargetMode="External"/><Relationship Id="rId20" Type="http://schemas.openxmlformats.org/officeDocument/2006/relationships/hyperlink" Target="https://www.pref.kanagawa.jp/documents/66065/17_r6_moni_lightcenter.pdf" TargetMode="External"/><Relationship Id="rId41" Type="http://schemas.openxmlformats.org/officeDocument/2006/relationships/hyperlink" Target="https://www.pref.kanagawa.jp/documents/66065/38_r6_moni_nanasawasinnrinnkouen.pdf" TargetMode="External"/><Relationship Id="rId54" Type="http://schemas.openxmlformats.org/officeDocument/2006/relationships/hyperlink" Target="https://www.pref.kanagawa.jp/documents/66065/51_r6_moni_hayamakou.pdf" TargetMode="External"/><Relationship Id="rId1" Type="http://schemas.openxmlformats.org/officeDocument/2006/relationships/hyperlink" Target="https://www.pref.kanagawa.jp/documents/66065/01_r6_moni_sagamikocenter.pdf" TargetMode="External"/><Relationship Id="rId6" Type="http://schemas.openxmlformats.org/officeDocument/2006/relationships/hyperlink" Target="https://www.pref.kanagawa.jp/documents/66065/06_r6_moni_sportskaikan.pdf" TargetMode="External"/><Relationship Id="rId15" Type="http://schemas.openxmlformats.org/officeDocument/2006/relationships/hyperlink" Target="https://www.pref.kanagawa.jp/documents/66065/12_r6_moni_kanagarden.pdf" TargetMode="External"/><Relationship Id="rId23" Type="http://schemas.openxmlformats.org/officeDocument/2006/relationships/hyperlink" Target="https://www.pref.kanagawa.jp/documents/66065/22_r6_moni_atugiseikaen.pdf" TargetMode="External"/><Relationship Id="rId28" Type="http://schemas.openxmlformats.org/officeDocument/2006/relationships/hyperlink" Target="https://www.pref.kanagawa.jp/documents/66065/60_r6_moni_sagamikokouen_sagamikosouteijyou.pdf" TargetMode="External"/><Relationship Id="rId36" Type="http://schemas.openxmlformats.org/officeDocument/2006/relationships/hyperlink" Target="https://www.pref.kanagawa.jp/documents/66065/33_r6_moni_tsujidoukaihinkouen_syounansiomidaikouen.pdf" TargetMode="External"/><Relationship Id="rId49" Type="http://schemas.openxmlformats.org/officeDocument/2006/relationships/hyperlink" Target="https://www.pref.kanagawa.jp/documents/66065/46_r6_moni_sakaigawayuusuitikouen.pdf" TargetMode="External"/><Relationship Id="rId57" Type="http://schemas.openxmlformats.org/officeDocument/2006/relationships/hyperlink" Target="https://www.pref.kanagawa.jp/documents/66065/59_r6_moni_aikawa.pdf" TargetMode="External"/><Relationship Id="rId10" Type="http://schemas.openxmlformats.org/officeDocument/2006/relationships/hyperlink" Target="https://www.pref.kanagawa.jp/documents/66065/62_r6_moni_miyagaseko.pdf" TargetMode="External"/><Relationship Id="rId31" Type="http://schemas.openxmlformats.org/officeDocument/2006/relationships/hyperlink" Target="https://www.pref.kanagawa.jp/documents/66065/27_r6_moni_hodogayakouen.pdf" TargetMode="External"/><Relationship Id="rId44" Type="http://schemas.openxmlformats.org/officeDocument/2006/relationships/hyperlink" Target="https://www.pref.kanagawa.jp/documents/66065/41_r6_moni_tsukuikoshiroyamakouen.pdf" TargetMode="External"/><Relationship Id="rId52" Type="http://schemas.openxmlformats.org/officeDocument/2006/relationships/hyperlink" Target="https://www.pref.kanagawa.jp/documents/66065/49_r6_moni_katasekaigantikatyushajou.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8EB1A-61EA-4EC2-92DB-7C8C002E2D28}">
  <sheetPr>
    <pageSetUpPr fitToPage="1"/>
  </sheetPr>
  <dimension ref="A1:N843"/>
  <sheetViews>
    <sheetView tabSelected="1" view="pageBreakPreview" topLeftCell="A270" zoomScale="85" zoomScaleNormal="100" zoomScaleSheetLayoutView="85" workbookViewId="0">
      <selection activeCell="A281" sqref="A281:A292"/>
    </sheetView>
  </sheetViews>
  <sheetFormatPr defaultColWidth="15.8984375" defaultRowHeight="12" x14ac:dyDescent="0.2"/>
  <cols>
    <col min="1" max="1" width="4.09765625" style="50" bestFit="1" customWidth="1"/>
    <col min="2" max="2" width="9.59765625" style="1" customWidth="1"/>
    <col min="3" max="3" width="16.59765625" style="1" customWidth="1"/>
    <col min="4" max="4" width="8.59765625" style="50" customWidth="1"/>
    <col min="5" max="5" width="21.3984375" style="1" customWidth="1"/>
    <col min="6" max="6" width="26.59765625" style="1" customWidth="1"/>
    <col min="7" max="7" width="17.59765625" style="1" customWidth="1"/>
    <col min="8" max="8" width="24.5" style="1" customWidth="1"/>
    <col min="9" max="11" width="12.59765625" style="1" customWidth="1"/>
    <col min="12" max="14" width="32.19921875" style="1" customWidth="1"/>
    <col min="15" max="16384" width="15.8984375" style="1"/>
  </cols>
  <sheetData>
    <row r="1" spans="1:14" ht="23.85" customHeight="1" x14ac:dyDescent="0.2">
      <c r="A1" s="51" t="s">
        <v>401</v>
      </c>
      <c r="B1" s="51"/>
      <c r="C1" s="51"/>
      <c r="D1" s="51"/>
      <c r="E1" s="51"/>
      <c r="F1" s="51"/>
      <c r="G1" s="51"/>
      <c r="H1" s="51"/>
      <c r="I1" s="51"/>
      <c r="J1" s="51"/>
      <c r="K1" s="51"/>
      <c r="L1" s="51"/>
      <c r="M1" s="51"/>
      <c r="N1" s="51"/>
    </row>
    <row r="2" spans="1:14" ht="23.4" customHeight="1" x14ac:dyDescent="0.2">
      <c r="A2" s="51"/>
      <c r="B2" s="51"/>
      <c r="C2" s="51"/>
      <c r="D2" s="51"/>
      <c r="E2" s="51"/>
      <c r="F2" s="51"/>
      <c r="G2" s="51"/>
      <c r="H2" s="51"/>
      <c r="I2" s="51"/>
      <c r="J2" s="51"/>
      <c r="K2" s="51"/>
      <c r="L2" s="51"/>
      <c r="M2" s="51"/>
      <c r="N2" s="51"/>
    </row>
    <row r="3" spans="1:14" ht="42.75" customHeight="1" x14ac:dyDescent="0.2">
      <c r="A3" s="110" t="s">
        <v>0</v>
      </c>
      <c r="B3" s="92" t="s">
        <v>1</v>
      </c>
      <c r="C3" s="92" t="s">
        <v>2</v>
      </c>
      <c r="D3" s="92" t="s">
        <v>3</v>
      </c>
      <c r="E3" s="92" t="s">
        <v>4</v>
      </c>
      <c r="F3" s="92" t="s">
        <v>5</v>
      </c>
      <c r="G3" s="92" t="s">
        <v>6</v>
      </c>
      <c r="H3" s="94" t="s">
        <v>229</v>
      </c>
      <c r="I3" s="95"/>
      <c r="J3" s="95"/>
      <c r="K3" s="96"/>
      <c r="L3" s="92" t="s">
        <v>216</v>
      </c>
      <c r="M3" s="92" t="s">
        <v>218</v>
      </c>
      <c r="N3" s="92" t="s">
        <v>217</v>
      </c>
    </row>
    <row r="4" spans="1:14" ht="12.6" thickBot="1" x14ac:dyDescent="0.25">
      <c r="A4" s="111"/>
      <c r="B4" s="93"/>
      <c r="C4" s="93"/>
      <c r="D4" s="93"/>
      <c r="E4" s="93"/>
      <c r="F4" s="93"/>
      <c r="G4" s="93"/>
      <c r="H4" s="3"/>
      <c r="I4" s="57" t="s">
        <v>249</v>
      </c>
      <c r="J4" s="58" t="s">
        <v>246</v>
      </c>
      <c r="K4" s="2" t="s">
        <v>250</v>
      </c>
      <c r="L4" s="97"/>
      <c r="M4" s="97"/>
      <c r="N4" s="97"/>
    </row>
    <row r="5" spans="1:14" ht="16.8" customHeight="1" thickTop="1" x14ac:dyDescent="0.2">
      <c r="A5" s="98">
        <v>1</v>
      </c>
      <c r="B5" s="101" t="s">
        <v>7</v>
      </c>
      <c r="C5" s="104" t="s">
        <v>8</v>
      </c>
      <c r="D5" s="107" t="s">
        <v>9</v>
      </c>
      <c r="E5" s="104" t="s">
        <v>10</v>
      </c>
      <c r="F5" s="101" t="s">
        <v>333</v>
      </c>
      <c r="G5" s="8" t="s">
        <v>11</v>
      </c>
      <c r="H5" s="29"/>
      <c r="I5" s="72"/>
      <c r="J5" s="59"/>
      <c r="K5" s="56"/>
      <c r="L5" s="112" t="s">
        <v>257</v>
      </c>
      <c r="M5" s="115"/>
      <c r="N5" s="118" t="s">
        <v>344</v>
      </c>
    </row>
    <row r="6" spans="1:14" ht="16.95" customHeight="1" x14ac:dyDescent="0.2">
      <c r="A6" s="99"/>
      <c r="B6" s="102"/>
      <c r="C6" s="105"/>
      <c r="D6" s="108"/>
      <c r="E6" s="105"/>
      <c r="F6" s="102"/>
      <c r="G6" s="12">
        <v>129348</v>
      </c>
      <c r="H6" s="10" t="s">
        <v>210</v>
      </c>
      <c r="I6" s="89">
        <v>36657</v>
      </c>
      <c r="J6" s="60">
        <v>42802</v>
      </c>
      <c r="K6" s="11">
        <v>44155</v>
      </c>
      <c r="L6" s="113"/>
      <c r="M6" s="116"/>
      <c r="N6" s="119"/>
    </row>
    <row r="7" spans="1:14" ht="16.95" customHeight="1" x14ac:dyDescent="0.2">
      <c r="A7" s="99"/>
      <c r="B7" s="102"/>
      <c r="C7" s="105"/>
      <c r="D7" s="108"/>
      <c r="E7" s="105"/>
      <c r="F7" s="102"/>
      <c r="G7" s="12"/>
      <c r="H7" s="13" t="s">
        <v>211</v>
      </c>
      <c r="I7" s="74">
        <v>6931</v>
      </c>
      <c r="J7" s="90">
        <v>6144</v>
      </c>
      <c r="K7" s="14">
        <v>4633</v>
      </c>
      <c r="L7" s="113"/>
      <c r="M7" s="116"/>
      <c r="N7" s="119"/>
    </row>
    <row r="8" spans="1:14" ht="16.95" customHeight="1" x14ac:dyDescent="0.2">
      <c r="A8" s="99"/>
      <c r="B8" s="102"/>
      <c r="C8" s="105"/>
      <c r="D8" s="108"/>
      <c r="E8" s="105"/>
      <c r="F8" s="102"/>
      <c r="G8" s="12" t="s">
        <v>12</v>
      </c>
      <c r="H8" s="13" t="s">
        <v>212</v>
      </c>
      <c r="I8" s="74">
        <v>93048</v>
      </c>
      <c r="J8" s="61">
        <v>92852</v>
      </c>
      <c r="K8" s="14">
        <v>92008</v>
      </c>
      <c r="L8" s="113"/>
      <c r="M8" s="116"/>
      <c r="N8" s="119"/>
    </row>
    <row r="9" spans="1:14" ht="16.95" customHeight="1" x14ac:dyDescent="0.2">
      <c r="A9" s="99"/>
      <c r="B9" s="102"/>
      <c r="C9" s="105"/>
      <c r="D9" s="108"/>
      <c r="E9" s="105"/>
      <c r="F9" s="102"/>
      <c r="G9" s="12">
        <v>747098</v>
      </c>
      <c r="H9" s="5"/>
      <c r="I9" s="75"/>
      <c r="J9" s="62"/>
      <c r="K9" s="15"/>
      <c r="L9" s="113"/>
      <c r="M9" s="116"/>
      <c r="N9" s="119"/>
    </row>
    <row r="10" spans="1:14" ht="16.95" customHeight="1" x14ac:dyDescent="0.2">
      <c r="A10" s="99"/>
      <c r="B10" s="102"/>
      <c r="C10" s="105"/>
      <c r="D10" s="108"/>
      <c r="E10" s="105"/>
      <c r="F10" s="102"/>
      <c r="G10" s="12" t="s">
        <v>13</v>
      </c>
      <c r="H10" s="5"/>
      <c r="I10" s="75"/>
      <c r="J10" s="62"/>
      <c r="K10" s="15"/>
      <c r="L10" s="113"/>
      <c r="M10" s="116"/>
      <c r="N10" s="119"/>
    </row>
    <row r="11" spans="1:14" ht="16.95" customHeight="1" x14ac:dyDescent="0.2">
      <c r="A11" s="99"/>
      <c r="B11" s="102"/>
      <c r="C11" s="105"/>
      <c r="D11" s="108"/>
      <c r="E11" s="105"/>
      <c r="F11" s="102"/>
      <c r="G11" s="12"/>
      <c r="H11" s="10" t="s">
        <v>213</v>
      </c>
      <c r="I11" s="76">
        <v>-86117</v>
      </c>
      <c r="J11" s="63">
        <v>-86708</v>
      </c>
      <c r="K11" s="16">
        <v>-87375</v>
      </c>
      <c r="L11" s="113"/>
      <c r="M11" s="116"/>
      <c r="N11" s="119"/>
    </row>
    <row r="12" spans="1:14" ht="16.95" customHeight="1" x14ac:dyDescent="0.2">
      <c r="A12" s="99"/>
      <c r="B12" s="102"/>
      <c r="C12" s="105"/>
      <c r="D12" s="108"/>
      <c r="E12" s="105"/>
      <c r="F12" s="102"/>
      <c r="G12" s="12"/>
      <c r="H12" s="13" t="s">
        <v>214</v>
      </c>
      <c r="I12" s="77">
        <v>2.5383419265078975</v>
      </c>
      <c r="J12" s="64">
        <v>2.1693378814074107</v>
      </c>
      <c r="K12" s="17">
        <v>2.083750424640471</v>
      </c>
      <c r="L12" s="113"/>
      <c r="M12" s="116"/>
      <c r="N12" s="119"/>
    </row>
    <row r="13" spans="1:14" ht="16.95" customHeight="1" x14ac:dyDescent="0.2">
      <c r="A13" s="99"/>
      <c r="B13" s="102"/>
      <c r="C13" s="105"/>
      <c r="D13" s="108"/>
      <c r="E13" s="105"/>
      <c r="F13" s="102"/>
      <c r="G13" s="12"/>
      <c r="H13" s="13" t="s">
        <v>215</v>
      </c>
      <c r="I13" s="77">
        <v>2.3492648061761736</v>
      </c>
      <c r="J13" s="64">
        <v>2.0257931872342412</v>
      </c>
      <c r="K13" s="18">
        <v>1.9788245951760843</v>
      </c>
      <c r="L13" s="113"/>
      <c r="M13" s="116"/>
      <c r="N13" s="119"/>
    </row>
    <row r="14" spans="1:14" ht="16.95" customHeight="1" x14ac:dyDescent="0.2">
      <c r="A14" s="99"/>
      <c r="B14" s="102"/>
      <c r="C14" s="105"/>
      <c r="D14" s="108"/>
      <c r="E14" s="105"/>
      <c r="F14" s="102"/>
      <c r="G14" s="12"/>
      <c r="H14" s="19"/>
      <c r="I14" s="78"/>
      <c r="J14" s="65"/>
      <c r="K14" s="20"/>
      <c r="L14" s="113"/>
      <c r="M14" s="116"/>
      <c r="N14" s="119"/>
    </row>
    <row r="15" spans="1:14" ht="16.95" customHeight="1" x14ac:dyDescent="0.2">
      <c r="A15" s="99"/>
      <c r="B15" s="102"/>
      <c r="C15" s="105"/>
      <c r="D15" s="108"/>
      <c r="E15" s="105"/>
      <c r="F15" s="102"/>
      <c r="G15" s="12"/>
      <c r="H15" s="19"/>
      <c r="I15" s="78"/>
      <c r="J15" s="65"/>
      <c r="K15" s="20"/>
      <c r="L15" s="113"/>
      <c r="M15" s="116"/>
      <c r="N15" s="119"/>
    </row>
    <row r="16" spans="1:14" ht="16.95" customHeight="1" thickBot="1" x14ac:dyDescent="0.25">
      <c r="A16" s="100"/>
      <c r="B16" s="103"/>
      <c r="C16" s="106"/>
      <c r="D16" s="109"/>
      <c r="E16" s="106"/>
      <c r="F16" s="103"/>
      <c r="G16" s="21"/>
      <c r="H16" s="22"/>
      <c r="I16" s="79"/>
      <c r="J16" s="66"/>
      <c r="K16" s="23"/>
      <c r="L16" s="114"/>
      <c r="M16" s="117"/>
      <c r="N16" s="120"/>
    </row>
    <row r="17" spans="1:14" ht="16.95" customHeight="1" thickTop="1" x14ac:dyDescent="0.2">
      <c r="A17" s="98">
        <v>2</v>
      </c>
      <c r="B17" s="101" t="s">
        <v>247</v>
      </c>
      <c r="C17" s="104" t="s">
        <v>15</v>
      </c>
      <c r="D17" s="107" t="s">
        <v>16</v>
      </c>
      <c r="E17" s="104" t="s">
        <v>17</v>
      </c>
      <c r="F17" s="104" t="s">
        <v>18</v>
      </c>
      <c r="G17" s="24" t="s">
        <v>11</v>
      </c>
      <c r="H17" s="9"/>
      <c r="I17" s="72"/>
      <c r="J17" s="59"/>
      <c r="K17" s="4"/>
      <c r="L17" s="112" t="s">
        <v>315</v>
      </c>
      <c r="M17" s="121" t="s">
        <v>260</v>
      </c>
      <c r="N17" s="124" t="s">
        <v>345</v>
      </c>
    </row>
    <row r="18" spans="1:14" ht="16.95" customHeight="1" x14ac:dyDescent="0.2">
      <c r="A18" s="99"/>
      <c r="B18" s="102" t="s">
        <v>14</v>
      </c>
      <c r="C18" s="105" t="s">
        <v>15</v>
      </c>
      <c r="D18" s="108" t="s">
        <v>16</v>
      </c>
      <c r="E18" s="105" t="s">
        <v>17</v>
      </c>
      <c r="F18" s="105" t="s">
        <v>19</v>
      </c>
      <c r="G18" s="125" t="s">
        <v>20</v>
      </c>
      <c r="H18" s="10" t="s">
        <v>210</v>
      </c>
      <c r="I18" s="73">
        <v>55719</v>
      </c>
      <c r="J18" s="60">
        <v>45395</v>
      </c>
      <c r="K18" s="11">
        <v>62113</v>
      </c>
      <c r="L18" s="113"/>
      <c r="M18" s="122"/>
      <c r="N18" s="119"/>
    </row>
    <row r="19" spans="1:14" ht="16.95" customHeight="1" x14ac:dyDescent="0.2">
      <c r="A19" s="99"/>
      <c r="B19" s="102" t="s">
        <v>14</v>
      </c>
      <c r="C19" s="105" t="s">
        <v>15</v>
      </c>
      <c r="D19" s="108" t="s">
        <v>16</v>
      </c>
      <c r="E19" s="105" t="s">
        <v>17</v>
      </c>
      <c r="F19" s="105" t="s">
        <v>19</v>
      </c>
      <c r="G19" s="125"/>
      <c r="H19" s="13" t="s">
        <v>211</v>
      </c>
      <c r="I19" s="74">
        <v>23097</v>
      </c>
      <c r="J19" s="61">
        <v>21005</v>
      </c>
      <c r="K19" s="14">
        <v>24723</v>
      </c>
      <c r="L19" s="113"/>
      <c r="M19" s="122"/>
      <c r="N19" s="119"/>
    </row>
    <row r="20" spans="1:14" ht="16.95" customHeight="1" x14ac:dyDescent="0.2">
      <c r="A20" s="99"/>
      <c r="B20" s="102" t="s">
        <v>14</v>
      </c>
      <c r="C20" s="105" t="s">
        <v>15</v>
      </c>
      <c r="D20" s="108" t="s">
        <v>16</v>
      </c>
      <c r="E20" s="105" t="s">
        <v>17</v>
      </c>
      <c r="F20" s="105" t="s">
        <v>19</v>
      </c>
      <c r="G20" s="25" t="s">
        <v>12</v>
      </c>
      <c r="H20" s="13" t="s">
        <v>212</v>
      </c>
      <c r="I20" s="74">
        <v>133066</v>
      </c>
      <c r="J20" s="61">
        <v>122606</v>
      </c>
      <c r="K20" s="14">
        <v>128835</v>
      </c>
      <c r="L20" s="113"/>
      <c r="M20" s="122"/>
      <c r="N20" s="119"/>
    </row>
    <row r="21" spans="1:14" ht="16.95" customHeight="1" x14ac:dyDescent="0.2">
      <c r="A21" s="99"/>
      <c r="B21" s="102" t="s">
        <v>14</v>
      </c>
      <c r="C21" s="105" t="s">
        <v>15</v>
      </c>
      <c r="D21" s="108" t="s">
        <v>16</v>
      </c>
      <c r="E21" s="105" t="s">
        <v>17</v>
      </c>
      <c r="F21" s="105" t="s">
        <v>19</v>
      </c>
      <c r="G21" s="12">
        <v>266730</v>
      </c>
      <c r="H21" s="5"/>
      <c r="I21" s="75"/>
      <c r="J21" s="67"/>
      <c r="K21" s="15"/>
      <c r="L21" s="113"/>
      <c r="M21" s="122"/>
      <c r="N21" s="119"/>
    </row>
    <row r="22" spans="1:14" ht="16.95" customHeight="1" x14ac:dyDescent="0.2">
      <c r="A22" s="99"/>
      <c r="B22" s="102" t="s">
        <v>14</v>
      </c>
      <c r="C22" s="105" t="s">
        <v>15</v>
      </c>
      <c r="D22" s="108" t="s">
        <v>16</v>
      </c>
      <c r="E22" s="105" t="s">
        <v>17</v>
      </c>
      <c r="F22" s="105" t="s">
        <v>19</v>
      </c>
      <c r="G22" s="25"/>
      <c r="H22" s="5"/>
      <c r="I22" s="75"/>
      <c r="J22" s="67"/>
      <c r="K22" s="15"/>
      <c r="L22" s="113"/>
      <c r="M22" s="122"/>
      <c r="N22" s="119"/>
    </row>
    <row r="23" spans="1:14" ht="16.95" customHeight="1" x14ac:dyDescent="0.2">
      <c r="A23" s="99"/>
      <c r="B23" s="102" t="s">
        <v>14</v>
      </c>
      <c r="C23" s="105" t="s">
        <v>15</v>
      </c>
      <c r="D23" s="108" t="s">
        <v>16</v>
      </c>
      <c r="E23" s="105" t="s">
        <v>17</v>
      </c>
      <c r="F23" s="105" t="s">
        <v>19</v>
      </c>
      <c r="G23" s="25"/>
      <c r="H23" s="10" t="s">
        <v>213</v>
      </c>
      <c r="I23" s="76">
        <v>-109969</v>
      </c>
      <c r="J23" s="63">
        <v>-101601</v>
      </c>
      <c r="K23" s="16">
        <v>-104112</v>
      </c>
      <c r="L23" s="113"/>
      <c r="M23" s="122"/>
      <c r="N23" s="119"/>
    </row>
    <row r="24" spans="1:14" ht="16.95" customHeight="1" x14ac:dyDescent="0.2">
      <c r="A24" s="99"/>
      <c r="B24" s="102" t="s">
        <v>14</v>
      </c>
      <c r="C24" s="105" t="s">
        <v>15</v>
      </c>
      <c r="D24" s="108" t="s">
        <v>16</v>
      </c>
      <c r="E24" s="105" t="s">
        <v>17</v>
      </c>
      <c r="F24" s="105" t="s">
        <v>19</v>
      </c>
      <c r="G24" s="25"/>
      <c r="H24" s="13" t="s">
        <v>214</v>
      </c>
      <c r="I24" s="77">
        <v>2.3881620273156372</v>
      </c>
      <c r="J24" s="64">
        <v>2.7008701398832469</v>
      </c>
      <c r="K24" s="17">
        <v>2.0742034678730699</v>
      </c>
      <c r="L24" s="113"/>
      <c r="M24" s="122"/>
      <c r="N24" s="119"/>
    </row>
    <row r="25" spans="1:14" ht="16.95" customHeight="1" x14ac:dyDescent="0.2">
      <c r="A25" s="99"/>
      <c r="B25" s="102" t="s">
        <v>14</v>
      </c>
      <c r="C25" s="105" t="s">
        <v>15</v>
      </c>
      <c r="D25" s="108" t="s">
        <v>16</v>
      </c>
      <c r="E25" s="105" t="s">
        <v>17</v>
      </c>
      <c r="F25" s="105" t="s">
        <v>19</v>
      </c>
      <c r="G25" s="25"/>
      <c r="H25" s="13" t="s">
        <v>215</v>
      </c>
      <c r="I25" s="77">
        <v>1.9736355641702112</v>
      </c>
      <c r="J25" s="64">
        <v>2.2381539817160481</v>
      </c>
      <c r="K25" s="18">
        <v>1.6761708499025969</v>
      </c>
      <c r="L25" s="113"/>
      <c r="M25" s="122"/>
      <c r="N25" s="119"/>
    </row>
    <row r="26" spans="1:14" ht="16.95" customHeight="1" x14ac:dyDescent="0.2">
      <c r="A26" s="99"/>
      <c r="B26" s="102" t="s">
        <v>14</v>
      </c>
      <c r="C26" s="105" t="s">
        <v>15</v>
      </c>
      <c r="D26" s="108" t="s">
        <v>16</v>
      </c>
      <c r="E26" s="105" t="s">
        <v>17</v>
      </c>
      <c r="F26" s="105" t="s">
        <v>19</v>
      </c>
      <c r="G26" s="25"/>
      <c r="H26" s="19"/>
      <c r="I26" s="78"/>
      <c r="J26" s="65"/>
      <c r="K26" s="6"/>
      <c r="L26" s="113"/>
      <c r="M26" s="122"/>
      <c r="N26" s="119"/>
    </row>
    <row r="27" spans="1:14" ht="16.95" customHeight="1" x14ac:dyDescent="0.2">
      <c r="A27" s="99"/>
      <c r="B27" s="102" t="s">
        <v>14</v>
      </c>
      <c r="C27" s="105" t="s">
        <v>15</v>
      </c>
      <c r="D27" s="108" t="s">
        <v>16</v>
      </c>
      <c r="E27" s="105" t="s">
        <v>17</v>
      </c>
      <c r="F27" s="105" t="s">
        <v>19</v>
      </c>
      <c r="G27" s="25"/>
      <c r="H27" s="19"/>
      <c r="I27" s="78"/>
      <c r="J27" s="65"/>
      <c r="K27" s="6"/>
      <c r="L27" s="113"/>
      <c r="M27" s="122"/>
      <c r="N27" s="119"/>
    </row>
    <row r="28" spans="1:14" ht="16.95" customHeight="1" thickBot="1" x14ac:dyDescent="0.25">
      <c r="A28" s="100"/>
      <c r="B28" s="103" t="s">
        <v>14</v>
      </c>
      <c r="C28" s="106" t="s">
        <v>15</v>
      </c>
      <c r="D28" s="109" t="s">
        <v>16</v>
      </c>
      <c r="E28" s="106" t="s">
        <v>17</v>
      </c>
      <c r="F28" s="106" t="s">
        <v>19</v>
      </c>
      <c r="G28" s="26"/>
      <c r="H28" s="22"/>
      <c r="I28" s="79"/>
      <c r="J28" s="66"/>
      <c r="K28" s="7"/>
      <c r="L28" s="114"/>
      <c r="M28" s="123"/>
      <c r="N28" s="120"/>
    </row>
    <row r="29" spans="1:14" ht="16.95" customHeight="1" thickTop="1" x14ac:dyDescent="0.2">
      <c r="A29" s="98">
        <v>3</v>
      </c>
      <c r="B29" s="101" t="s">
        <v>247</v>
      </c>
      <c r="C29" s="104" t="s">
        <v>326</v>
      </c>
      <c r="D29" s="107" t="s">
        <v>16</v>
      </c>
      <c r="E29" s="104" t="s">
        <v>327</v>
      </c>
      <c r="F29" s="104" t="s">
        <v>23</v>
      </c>
      <c r="G29" s="8" t="s">
        <v>11</v>
      </c>
      <c r="H29" s="9"/>
      <c r="I29" s="72"/>
      <c r="J29" s="59"/>
      <c r="K29" s="4"/>
      <c r="L29" s="127" t="s">
        <v>261</v>
      </c>
      <c r="M29" s="130" t="s">
        <v>262</v>
      </c>
      <c r="N29" s="27"/>
    </row>
    <row r="30" spans="1:14" ht="16.95" customHeight="1" x14ac:dyDescent="0.2">
      <c r="A30" s="99"/>
      <c r="B30" s="102" t="s">
        <v>14</v>
      </c>
      <c r="C30" s="105" t="s">
        <v>21</v>
      </c>
      <c r="D30" s="108" t="s">
        <v>16</v>
      </c>
      <c r="E30" s="105" t="s">
        <v>22</v>
      </c>
      <c r="F30" s="105" t="s">
        <v>23</v>
      </c>
      <c r="G30" s="12">
        <v>10301493</v>
      </c>
      <c r="H30" s="28"/>
      <c r="I30" s="80"/>
      <c r="J30" s="68"/>
      <c r="K30" s="6"/>
      <c r="L30" s="128"/>
      <c r="M30" s="131"/>
      <c r="N30" s="52"/>
    </row>
    <row r="31" spans="1:14" ht="16.95" customHeight="1" x14ac:dyDescent="0.2">
      <c r="A31" s="99"/>
      <c r="B31" s="102" t="s">
        <v>14</v>
      </c>
      <c r="C31" s="105" t="s">
        <v>21</v>
      </c>
      <c r="D31" s="108" t="s">
        <v>16</v>
      </c>
      <c r="E31" s="105" t="s">
        <v>22</v>
      </c>
      <c r="F31" s="105" t="s">
        <v>23</v>
      </c>
      <c r="G31" s="12"/>
      <c r="H31" s="28"/>
      <c r="I31" s="80"/>
      <c r="J31" s="68"/>
      <c r="K31" s="6"/>
      <c r="L31" s="128"/>
      <c r="M31" s="131"/>
      <c r="N31" s="52"/>
    </row>
    <row r="32" spans="1:14" ht="16.95" customHeight="1" x14ac:dyDescent="0.2">
      <c r="A32" s="99"/>
      <c r="B32" s="102" t="s">
        <v>14</v>
      </c>
      <c r="C32" s="105" t="s">
        <v>21</v>
      </c>
      <c r="D32" s="108" t="s">
        <v>16</v>
      </c>
      <c r="E32" s="105" t="s">
        <v>22</v>
      </c>
      <c r="F32" s="105" t="s">
        <v>23</v>
      </c>
      <c r="G32" s="12" t="s">
        <v>12</v>
      </c>
      <c r="H32" s="28"/>
      <c r="I32" s="80"/>
      <c r="J32" s="68"/>
      <c r="K32" s="6"/>
      <c r="L32" s="128"/>
      <c r="M32" s="131"/>
      <c r="N32" s="52"/>
    </row>
    <row r="33" spans="1:14" ht="16.95" customHeight="1" x14ac:dyDescent="0.2">
      <c r="A33" s="99"/>
      <c r="B33" s="102" t="s">
        <v>14</v>
      </c>
      <c r="C33" s="105" t="s">
        <v>21</v>
      </c>
      <c r="D33" s="108" t="s">
        <v>16</v>
      </c>
      <c r="E33" s="105" t="s">
        <v>22</v>
      </c>
      <c r="F33" s="105" t="s">
        <v>23</v>
      </c>
      <c r="G33" s="12">
        <v>857855</v>
      </c>
      <c r="H33" s="28"/>
      <c r="I33" s="80"/>
      <c r="J33" s="68"/>
      <c r="K33" s="6"/>
      <c r="L33" s="128"/>
      <c r="M33" s="131"/>
      <c r="N33" s="52"/>
    </row>
    <row r="34" spans="1:14" ht="16.95" customHeight="1" x14ac:dyDescent="0.2">
      <c r="A34" s="99"/>
      <c r="B34" s="102" t="s">
        <v>14</v>
      </c>
      <c r="C34" s="105" t="s">
        <v>21</v>
      </c>
      <c r="D34" s="108" t="s">
        <v>16</v>
      </c>
      <c r="E34" s="105" t="s">
        <v>22</v>
      </c>
      <c r="F34" s="105" t="s">
        <v>23</v>
      </c>
      <c r="G34" s="12"/>
      <c r="H34" s="28"/>
      <c r="I34" s="80"/>
      <c r="J34" s="68"/>
      <c r="K34" s="6"/>
      <c r="L34" s="128"/>
      <c r="M34" s="131"/>
      <c r="N34" s="52"/>
    </row>
    <row r="35" spans="1:14" ht="16.95" customHeight="1" x14ac:dyDescent="0.2">
      <c r="A35" s="99"/>
      <c r="B35" s="102" t="s">
        <v>14</v>
      </c>
      <c r="C35" s="105" t="s">
        <v>21</v>
      </c>
      <c r="D35" s="108" t="s">
        <v>16</v>
      </c>
      <c r="E35" s="105" t="s">
        <v>22</v>
      </c>
      <c r="F35" s="105" t="s">
        <v>23</v>
      </c>
      <c r="G35" s="12"/>
      <c r="H35" s="28"/>
      <c r="I35" s="80"/>
      <c r="J35" s="68"/>
      <c r="K35" s="6"/>
      <c r="L35" s="128"/>
      <c r="M35" s="131"/>
      <c r="N35" s="52"/>
    </row>
    <row r="36" spans="1:14" ht="16.95" customHeight="1" x14ac:dyDescent="0.2">
      <c r="A36" s="99"/>
      <c r="B36" s="102" t="s">
        <v>14</v>
      </c>
      <c r="C36" s="105" t="s">
        <v>21</v>
      </c>
      <c r="D36" s="108" t="s">
        <v>16</v>
      </c>
      <c r="E36" s="105" t="s">
        <v>22</v>
      </c>
      <c r="F36" s="105" t="s">
        <v>23</v>
      </c>
      <c r="G36" s="12"/>
      <c r="H36" s="28"/>
      <c r="I36" s="80"/>
      <c r="J36" s="68"/>
      <c r="K36" s="6"/>
      <c r="L36" s="128"/>
      <c r="M36" s="131"/>
      <c r="N36" s="52"/>
    </row>
    <row r="37" spans="1:14" ht="16.95" customHeight="1" x14ac:dyDescent="0.2">
      <c r="A37" s="99"/>
      <c r="B37" s="102" t="s">
        <v>14</v>
      </c>
      <c r="C37" s="105" t="s">
        <v>21</v>
      </c>
      <c r="D37" s="108" t="s">
        <v>16</v>
      </c>
      <c r="E37" s="105" t="s">
        <v>22</v>
      </c>
      <c r="F37" s="105" t="s">
        <v>23</v>
      </c>
      <c r="G37" s="12"/>
      <c r="H37" s="28"/>
      <c r="I37" s="80"/>
      <c r="J37" s="68"/>
      <c r="K37" s="6"/>
      <c r="L37" s="128"/>
      <c r="M37" s="131"/>
      <c r="N37" s="52"/>
    </row>
    <row r="38" spans="1:14" ht="16.95" customHeight="1" x14ac:dyDescent="0.2">
      <c r="A38" s="99"/>
      <c r="B38" s="102" t="s">
        <v>14</v>
      </c>
      <c r="C38" s="105" t="s">
        <v>21</v>
      </c>
      <c r="D38" s="108" t="s">
        <v>16</v>
      </c>
      <c r="E38" s="105" t="s">
        <v>22</v>
      </c>
      <c r="F38" s="105" t="s">
        <v>23</v>
      </c>
      <c r="G38" s="12"/>
      <c r="H38" s="19"/>
      <c r="I38" s="78"/>
      <c r="J38" s="65"/>
      <c r="K38" s="6"/>
      <c r="L38" s="128"/>
      <c r="M38" s="131"/>
      <c r="N38" s="52"/>
    </row>
    <row r="39" spans="1:14" ht="16.95" customHeight="1" x14ac:dyDescent="0.2">
      <c r="A39" s="99"/>
      <c r="B39" s="102" t="s">
        <v>14</v>
      </c>
      <c r="C39" s="105" t="s">
        <v>21</v>
      </c>
      <c r="D39" s="108" t="s">
        <v>16</v>
      </c>
      <c r="E39" s="105" t="s">
        <v>22</v>
      </c>
      <c r="F39" s="105" t="s">
        <v>23</v>
      </c>
      <c r="G39" s="12"/>
      <c r="H39" s="19"/>
      <c r="I39" s="78"/>
      <c r="J39" s="65"/>
      <c r="K39" s="6"/>
      <c r="L39" s="128"/>
      <c r="M39" s="131"/>
      <c r="N39" s="119" t="s">
        <v>346</v>
      </c>
    </row>
    <row r="40" spans="1:14" ht="16.95" customHeight="1" thickBot="1" x14ac:dyDescent="0.25">
      <c r="A40" s="100"/>
      <c r="B40" s="103" t="s">
        <v>14</v>
      </c>
      <c r="C40" s="106" t="s">
        <v>21</v>
      </c>
      <c r="D40" s="109" t="s">
        <v>16</v>
      </c>
      <c r="E40" s="106" t="s">
        <v>22</v>
      </c>
      <c r="F40" s="106" t="s">
        <v>23</v>
      </c>
      <c r="G40" s="21"/>
      <c r="H40" s="19"/>
      <c r="I40" s="78"/>
      <c r="J40" s="65"/>
      <c r="K40" s="6"/>
      <c r="L40" s="128"/>
      <c r="M40" s="131"/>
      <c r="N40" s="119"/>
    </row>
    <row r="41" spans="1:14" ht="16.95" customHeight="1" thickTop="1" x14ac:dyDescent="0.2">
      <c r="A41" s="98">
        <v>4</v>
      </c>
      <c r="B41" s="101" t="s">
        <v>247</v>
      </c>
      <c r="C41" s="104" t="s">
        <v>24</v>
      </c>
      <c r="D41" s="107" t="s">
        <v>16</v>
      </c>
      <c r="E41" s="104" t="s">
        <v>22</v>
      </c>
      <c r="F41" s="104" t="s">
        <v>25</v>
      </c>
      <c r="G41" s="8" t="s">
        <v>11</v>
      </c>
      <c r="H41" s="29"/>
      <c r="I41" s="80"/>
      <c r="J41" s="68"/>
      <c r="K41" s="6"/>
      <c r="L41" s="128"/>
      <c r="M41" s="131"/>
      <c r="N41" s="119"/>
    </row>
    <row r="42" spans="1:14" ht="16.95" customHeight="1" x14ac:dyDescent="0.2">
      <c r="A42" s="99"/>
      <c r="B42" s="102" t="s">
        <v>14</v>
      </c>
      <c r="C42" s="105" t="s">
        <v>24</v>
      </c>
      <c r="D42" s="108" t="s">
        <v>16</v>
      </c>
      <c r="E42" s="105" t="s">
        <v>22</v>
      </c>
      <c r="F42" s="105" t="s">
        <v>25</v>
      </c>
      <c r="G42" s="12">
        <v>3244044</v>
      </c>
      <c r="H42" s="10" t="s">
        <v>210</v>
      </c>
      <c r="I42" s="73">
        <v>757906</v>
      </c>
      <c r="J42" s="60">
        <v>827381</v>
      </c>
      <c r="K42" s="11">
        <v>886527</v>
      </c>
      <c r="L42" s="128"/>
      <c r="M42" s="131"/>
      <c r="N42" s="119"/>
    </row>
    <row r="43" spans="1:14" ht="16.95" customHeight="1" x14ac:dyDescent="0.2">
      <c r="A43" s="99"/>
      <c r="B43" s="102" t="s">
        <v>14</v>
      </c>
      <c r="C43" s="105" t="s">
        <v>24</v>
      </c>
      <c r="D43" s="108" t="s">
        <v>16</v>
      </c>
      <c r="E43" s="105" t="s">
        <v>22</v>
      </c>
      <c r="F43" s="105" t="s">
        <v>25</v>
      </c>
      <c r="G43" s="12"/>
      <c r="H43" s="13" t="s">
        <v>211</v>
      </c>
      <c r="I43" s="74">
        <v>1136388</v>
      </c>
      <c r="J43" s="61">
        <v>1063734</v>
      </c>
      <c r="K43" s="14">
        <v>1073970</v>
      </c>
      <c r="L43" s="128"/>
      <c r="M43" s="131"/>
      <c r="N43" s="119"/>
    </row>
    <row r="44" spans="1:14" ht="16.95" customHeight="1" x14ac:dyDescent="0.2">
      <c r="A44" s="99"/>
      <c r="B44" s="102" t="s">
        <v>14</v>
      </c>
      <c r="C44" s="105" t="s">
        <v>24</v>
      </c>
      <c r="D44" s="108" t="s">
        <v>16</v>
      </c>
      <c r="E44" s="105" t="s">
        <v>22</v>
      </c>
      <c r="F44" s="105" t="s">
        <v>25</v>
      </c>
      <c r="G44" s="12" t="s">
        <v>12</v>
      </c>
      <c r="H44" s="13" t="s">
        <v>212</v>
      </c>
      <c r="I44" s="74">
        <v>2711315</v>
      </c>
      <c r="J44" s="61">
        <v>2584774</v>
      </c>
      <c r="K44" s="14">
        <v>2539930</v>
      </c>
      <c r="L44" s="128"/>
      <c r="M44" s="131"/>
      <c r="N44" s="119"/>
    </row>
    <row r="45" spans="1:14" ht="16.95" customHeight="1" x14ac:dyDescent="0.2">
      <c r="A45" s="99"/>
      <c r="B45" s="102" t="s">
        <v>14</v>
      </c>
      <c r="C45" s="105" t="s">
        <v>24</v>
      </c>
      <c r="D45" s="108" t="s">
        <v>16</v>
      </c>
      <c r="E45" s="105" t="s">
        <v>22</v>
      </c>
      <c r="F45" s="105" t="s">
        <v>25</v>
      </c>
      <c r="G45" s="12">
        <v>7181218</v>
      </c>
      <c r="H45" s="5"/>
      <c r="I45" s="75"/>
      <c r="J45" s="67"/>
      <c r="K45" s="15"/>
      <c r="L45" s="128"/>
      <c r="M45" s="131"/>
      <c r="N45" s="119"/>
    </row>
    <row r="46" spans="1:14" ht="16.95" customHeight="1" x14ac:dyDescent="0.2">
      <c r="A46" s="99"/>
      <c r="B46" s="102" t="s">
        <v>14</v>
      </c>
      <c r="C46" s="105" t="s">
        <v>24</v>
      </c>
      <c r="D46" s="108" t="s">
        <v>16</v>
      </c>
      <c r="E46" s="105" t="s">
        <v>22</v>
      </c>
      <c r="F46" s="105" t="s">
        <v>25</v>
      </c>
      <c r="G46" s="12"/>
      <c r="H46" s="5"/>
      <c r="I46" s="75"/>
      <c r="J46" s="67"/>
      <c r="K46" s="15"/>
      <c r="L46" s="128"/>
      <c r="M46" s="131"/>
      <c r="N46" s="126" t="s">
        <v>26</v>
      </c>
    </row>
    <row r="47" spans="1:14" ht="16.95" customHeight="1" x14ac:dyDescent="0.2">
      <c r="A47" s="99"/>
      <c r="B47" s="102" t="s">
        <v>14</v>
      </c>
      <c r="C47" s="105" t="s">
        <v>24</v>
      </c>
      <c r="D47" s="108" t="s">
        <v>16</v>
      </c>
      <c r="E47" s="105" t="s">
        <v>22</v>
      </c>
      <c r="F47" s="105" t="s">
        <v>25</v>
      </c>
      <c r="G47" s="12"/>
      <c r="H47" s="10" t="s">
        <v>213</v>
      </c>
      <c r="I47" s="76">
        <v>-1574927</v>
      </c>
      <c r="J47" s="63">
        <v>-1521040</v>
      </c>
      <c r="K47" s="16">
        <v>-1465960</v>
      </c>
      <c r="L47" s="128"/>
      <c r="M47" s="131"/>
      <c r="N47" s="126"/>
    </row>
    <row r="48" spans="1:14" ht="16.95" customHeight="1" x14ac:dyDescent="0.2">
      <c r="A48" s="99"/>
      <c r="B48" s="102" t="s">
        <v>14</v>
      </c>
      <c r="C48" s="105" t="s">
        <v>24</v>
      </c>
      <c r="D48" s="108" t="s">
        <v>16</v>
      </c>
      <c r="E48" s="105" t="s">
        <v>22</v>
      </c>
      <c r="F48" s="105" t="s">
        <v>25</v>
      </c>
      <c r="G48" s="12"/>
      <c r="H48" s="13" t="s">
        <v>214</v>
      </c>
      <c r="I48" s="77">
        <v>3.5773763501014639</v>
      </c>
      <c r="J48" s="64">
        <v>3.1240432158824047</v>
      </c>
      <c r="K48" s="17">
        <v>2.8650340034764876</v>
      </c>
      <c r="L48" s="128"/>
      <c r="M48" s="131"/>
      <c r="N48" s="126"/>
    </row>
    <row r="49" spans="1:14" ht="16.95" customHeight="1" x14ac:dyDescent="0.2">
      <c r="A49" s="99"/>
      <c r="B49" s="102" t="s">
        <v>14</v>
      </c>
      <c r="C49" s="105" t="s">
        <v>24</v>
      </c>
      <c r="D49" s="108" t="s">
        <v>16</v>
      </c>
      <c r="E49" s="105" t="s">
        <v>22</v>
      </c>
      <c r="F49" s="105" t="s">
        <v>25</v>
      </c>
      <c r="G49" s="12"/>
      <c r="H49" s="13" t="s">
        <v>215</v>
      </c>
      <c r="I49" s="77">
        <v>2.0779977991993732</v>
      </c>
      <c r="J49" s="64">
        <v>1.8383791747695439</v>
      </c>
      <c r="K49" s="18">
        <v>1.6535988187613011</v>
      </c>
      <c r="L49" s="128"/>
      <c r="M49" s="131"/>
      <c r="N49" s="126" t="s">
        <v>27</v>
      </c>
    </row>
    <row r="50" spans="1:14" ht="16.95" customHeight="1" x14ac:dyDescent="0.2">
      <c r="A50" s="99"/>
      <c r="B50" s="102" t="s">
        <v>14</v>
      </c>
      <c r="C50" s="105" t="s">
        <v>24</v>
      </c>
      <c r="D50" s="108" t="s">
        <v>16</v>
      </c>
      <c r="E50" s="105" t="s">
        <v>22</v>
      </c>
      <c r="F50" s="105" t="s">
        <v>25</v>
      </c>
      <c r="G50" s="12"/>
      <c r="H50" s="19" t="s">
        <v>330</v>
      </c>
      <c r="I50" s="78"/>
      <c r="J50" s="65"/>
      <c r="K50" s="6"/>
      <c r="L50" s="128"/>
      <c r="M50" s="131"/>
      <c r="N50" s="126"/>
    </row>
    <row r="51" spans="1:14" ht="16.95" customHeight="1" x14ac:dyDescent="0.2">
      <c r="A51" s="99"/>
      <c r="B51" s="102" t="s">
        <v>14</v>
      </c>
      <c r="C51" s="105" t="s">
        <v>24</v>
      </c>
      <c r="D51" s="108" t="s">
        <v>16</v>
      </c>
      <c r="E51" s="105" t="s">
        <v>22</v>
      </c>
      <c r="F51" s="105" t="s">
        <v>25</v>
      </c>
      <c r="G51" s="12"/>
      <c r="H51" s="19"/>
      <c r="I51" s="78"/>
      <c r="J51" s="65"/>
      <c r="K51" s="6"/>
      <c r="L51" s="128"/>
      <c r="M51" s="131"/>
      <c r="N51" s="126"/>
    </row>
    <row r="52" spans="1:14" ht="16.95" customHeight="1" thickBot="1" x14ac:dyDescent="0.25">
      <c r="A52" s="100"/>
      <c r="B52" s="103" t="s">
        <v>14</v>
      </c>
      <c r="C52" s="106" t="s">
        <v>24</v>
      </c>
      <c r="D52" s="109" t="s">
        <v>16</v>
      </c>
      <c r="E52" s="106" t="s">
        <v>22</v>
      </c>
      <c r="F52" s="106" t="s">
        <v>25</v>
      </c>
      <c r="G52" s="21"/>
      <c r="H52" s="19"/>
      <c r="I52" s="78"/>
      <c r="J52" s="65"/>
      <c r="K52" s="6"/>
      <c r="L52" s="128"/>
      <c r="M52" s="131"/>
      <c r="N52" s="126"/>
    </row>
    <row r="53" spans="1:14" ht="16.95" customHeight="1" thickTop="1" x14ac:dyDescent="0.2">
      <c r="A53" s="98">
        <v>5</v>
      </c>
      <c r="B53" s="101" t="s">
        <v>248</v>
      </c>
      <c r="C53" s="104" t="s">
        <v>28</v>
      </c>
      <c r="D53" s="107" t="s">
        <v>16</v>
      </c>
      <c r="E53" s="104" t="s">
        <v>29</v>
      </c>
      <c r="F53" s="104" t="s">
        <v>234</v>
      </c>
      <c r="G53" s="8" t="s">
        <v>11</v>
      </c>
      <c r="H53" s="30"/>
      <c r="I53" s="78"/>
      <c r="J53" s="65"/>
      <c r="K53" s="6"/>
      <c r="L53" s="128"/>
      <c r="M53" s="131"/>
      <c r="N53" s="52"/>
    </row>
    <row r="54" spans="1:14" ht="16.95" customHeight="1" x14ac:dyDescent="0.2">
      <c r="A54" s="99"/>
      <c r="B54" s="102" t="s">
        <v>14</v>
      </c>
      <c r="C54" s="105" t="s">
        <v>28</v>
      </c>
      <c r="D54" s="108" t="s">
        <v>16</v>
      </c>
      <c r="E54" s="105" t="s">
        <v>29</v>
      </c>
      <c r="F54" s="105" t="s">
        <v>30</v>
      </c>
      <c r="G54" s="12">
        <v>519842</v>
      </c>
      <c r="H54" s="30"/>
      <c r="I54" s="78"/>
      <c r="J54" s="65"/>
      <c r="K54" s="6"/>
      <c r="L54" s="128"/>
      <c r="M54" s="131"/>
      <c r="N54" s="52"/>
    </row>
    <row r="55" spans="1:14" ht="16.95" customHeight="1" x14ac:dyDescent="0.2">
      <c r="A55" s="99"/>
      <c r="B55" s="102" t="s">
        <v>14</v>
      </c>
      <c r="C55" s="105" t="s">
        <v>28</v>
      </c>
      <c r="D55" s="108" t="s">
        <v>16</v>
      </c>
      <c r="E55" s="105" t="s">
        <v>29</v>
      </c>
      <c r="F55" s="105" t="s">
        <v>30</v>
      </c>
      <c r="G55" s="12"/>
      <c r="H55" s="30"/>
      <c r="I55" s="78"/>
      <c r="J55" s="65"/>
      <c r="K55" s="6"/>
      <c r="L55" s="128"/>
      <c r="M55" s="131"/>
      <c r="N55" s="52"/>
    </row>
    <row r="56" spans="1:14" ht="16.95" customHeight="1" x14ac:dyDescent="0.2">
      <c r="A56" s="99"/>
      <c r="B56" s="102" t="s">
        <v>14</v>
      </c>
      <c r="C56" s="105" t="s">
        <v>28</v>
      </c>
      <c r="D56" s="108" t="s">
        <v>16</v>
      </c>
      <c r="E56" s="105" t="s">
        <v>29</v>
      </c>
      <c r="F56" s="105" t="s">
        <v>30</v>
      </c>
      <c r="G56" s="12" t="s">
        <v>12</v>
      </c>
      <c r="H56" s="30"/>
      <c r="I56" s="78"/>
      <c r="J56" s="65"/>
      <c r="K56" s="6"/>
      <c r="L56" s="128"/>
      <c r="M56" s="131"/>
      <c r="N56" s="52"/>
    </row>
    <row r="57" spans="1:14" ht="16.95" customHeight="1" x14ac:dyDescent="0.2">
      <c r="A57" s="99"/>
      <c r="B57" s="102" t="s">
        <v>14</v>
      </c>
      <c r="C57" s="105" t="s">
        <v>28</v>
      </c>
      <c r="D57" s="108" t="s">
        <v>16</v>
      </c>
      <c r="E57" s="105" t="s">
        <v>29</v>
      </c>
      <c r="F57" s="105" t="s">
        <v>30</v>
      </c>
      <c r="G57" s="12">
        <v>524881</v>
      </c>
      <c r="H57" s="30"/>
      <c r="I57" s="78"/>
      <c r="J57" s="65"/>
      <c r="K57" s="6"/>
      <c r="L57" s="128"/>
      <c r="M57" s="131"/>
      <c r="N57" s="52"/>
    </row>
    <row r="58" spans="1:14" ht="16.95" customHeight="1" x14ac:dyDescent="0.2">
      <c r="A58" s="99"/>
      <c r="B58" s="102" t="s">
        <v>14</v>
      </c>
      <c r="C58" s="105" t="s">
        <v>28</v>
      </c>
      <c r="D58" s="108" t="s">
        <v>16</v>
      </c>
      <c r="E58" s="105" t="s">
        <v>29</v>
      </c>
      <c r="F58" s="105" t="s">
        <v>30</v>
      </c>
      <c r="G58" s="12"/>
      <c r="H58" s="30"/>
      <c r="I58" s="78"/>
      <c r="J58" s="65"/>
      <c r="K58" s="6"/>
      <c r="L58" s="128"/>
      <c r="M58" s="131"/>
      <c r="N58" s="52"/>
    </row>
    <row r="59" spans="1:14" ht="16.95" customHeight="1" x14ac:dyDescent="0.2">
      <c r="A59" s="99"/>
      <c r="B59" s="102" t="s">
        <v>14</v>
      </c>
      <c r="C59" s="105" t="s">
        <v>28</v>
      </c>
      <c r="D59" s="108" t="s">
        <v>16</v>
      </c>
      <c r="E59" s="105" t="s">
        <v>29</v>
      </c>
      <c r="F59" s="105" t="s">
        <v>30</v>
      </c>
      <c r="G59" s="12"/>
      <c r="H59" s="30"/>
      <c r="I59" s="78"/>
      <c r="J59" s="65"/>
      <c r="K59" s="6"/>
      <c r="L59" s="128"/>
      <c r="M59" s="131"/>
      <c r="N59" s="52"/>
    </row>
    <row r="60" spans="1:14" ht="16.95" customHeight="1" x14ac:dyDescent="0.2">
      <c r="A60" s="99"/>
      <c r="B60" s="102" t="s">
        <v>14</v>
      </c>
      <c r="C60" s="105" t="s">
        <v>28</v>
      </c>
      <c r="D60" s="108" t="s">
        <v>16</v>
      </c>
      <c r="E60" s="105" t="s">
        <v>29</v>
      </c>
      <c r="F60" s="105" t="s">
        <v>30</v>
      </c>
      <c r="G60" s="12"/>
      <c r="H60" s="30"/>
      <c r="I60" s="78"/>
      <c r="J60" s="65"/>
      <c r="K60" s="6"/>
      <c r="L60" s="128"/>
      <c r="M60" s="131"/>
      <c r="N60" s="52"/>
    </row>
    <row r="61" spans="1:14" ht="16.95" customHeight="1" x14ac:dyDescent="0.2">
      <c r="A61" s="99"/>
      <c r="B61" s="102" t="s">
        <v>14</v>
      </c>
      <c r="C61" s="105" t="s">
        <v>28</v>
      </c>
      <c r="D61" s="108" t="s">
        <v>16</v>
      </c>
      <c r="E61" s="105" t="s">
        <v>29</v>
      </c>
      <c r="F61" s="105" t="s">
        <v>30</v>
      </c>
      <c r="G61" s="12"/>
      <c r="H61" s="30"/>
      <c r="I61" s="78"/>
      <c r="J61" s="65"/>
      <c r="K61" s="6"/>
      <c r="L61" s="128"/>
      <c r="M61" s="131"/>
      <c r="N61" s="52"/>
    </row>
    <row r="62" spans="1:14" ht="16.95" customHeight="1" x14ac:dyDescent="0.2">
      <c r="A62" s="99"/>
      <c r="B62" s="102" t="s">
        <v>14</v>
      </c>
      <c r="C62" s="105" t="s">
        <v>28</v>
      </c>
      <c r="D62" s="108" t="s">
        <v>16</v>
      </c>
      <c r="E62" s="105" t="s">
        <v>29</v>
      </c>
      <c r="F62" s="105" t="s">
        <v>30</v>
      </c>
      <c r="G62" s="12"/>
      <c r="H62" s="30"/>
      <c r="I62" s="78"/>
      <c r="J62" s="65"/>
      <c r="K62" s="6"/>
      <c r="L62" s="128"/>
      <c r="M62" s="131"/>
      <c r="N62" s="52"/>
    </row>
    <row r="63" spans="1:14" ht="16.95" customHeight="1" x14ac:dyDescent="0.2">
      <c r="A63" s="99"/>
      <c r="B63" s="102" t="s">
        <v>14</v>
      </c>
      <c r="C63" s="105" t="s">
        <v>28</v>
      </c>
      <c r="D63" s="108" t="s">
        <v>16</v>
      </c>
      <c r="E63" s="105" t="s">
        <v>29</v>
      </c>
      <c r="F63" s="105" t="s">
        <v>30</v>
      </c>
      <c r="G63" s="12"/>
      <c r="H63" s="30"/>
      <c r="I63" s="78"/>
      <c r="J63" s="65"/>
      <c r="K63" s="6"/>
      <c r="L63" s="128"/>
      <c r="M63" s="131"/>
      <c r="N63" s="52"/>
    </row>
    <row r="64" spans="1:14" ht="16.95" customHeight="1" thickBot="1" x14ac:dyDescent="0.25">
      <c r="A64" s="100"/>
      <c r="B64" s="103" t="s">
        <v>14</v>
      </c>
      <c r="C64" s="106" t="s">
        <v>28</v>
      </c>
      <c r="D64" s="109" t="s">
        <v>16</v>
      </c>
      <c r="E64" s="106" t="s">
        <v>29</v>
      </c>
      <c r="F64" s="106" t="s">
        <v>30</v>
      </c>
      <c r="G64" s="21"/>
      <c r="H64" s="31"/>
      <c r="I64" s="79"/>
      <c r="J64" s="66"/>
      <c r="K64" s="7"/>
      <c r="L64" s="129"/>
      <c r="M64" s="132"/>
      <c r="N64" s="53"/>
    </row>
    <row r="65" spans="1:14" ht="16.95" customHeight="1" thickTop="1" x14ac:dyDescent="0.2">
      <c r="A65" s="98">
        <v>6</v>
      </c>
      <c r="B65" s="101" t="s">
        <v>248</v>
      </c>
      <c r="C65" s="104" t="s">
        <v>31</v>
      </c>
      <c r="D65" s="107" t="s">
        <v>16</v>
      </c>
      <c r="E65" s="104" t="s">
        <v>32</v>
      </c>
      <c r="F65" s="104" t="s">
        <v>33</v>
      </c>
      <c r="G65" s="8" t="s">
        <v>11</v>
      </c>
      <c r="H65" s="9"/>
      <c r="I65" s="72"/>
      <c r="J65" s="59"/>
      <c r="K65" s="4"/>
      <c r="L65" s="127" t="s">
        <v>334</v>
      </c>
      <c r="M65" s="133" t="s">
        <v>263</v>
      </c>
      <c r="N65" s="124" t="s">
        <v>347</v>
      </c>
    </row>
    <row r="66" spans="1:14" ht="16.95" customHeight="1" x14ac:dyDescent="0.2">
      <c r="A66" s="99"/>
      <c r="B66" s="102" t="s">
        <v>14</v>
      </c>
      <c r="C66" s="105" t="s">
        <v>31</v>
      </c>
      <c r="D66" s="108" t="s">
        <v>16</v>
      </c>
      <c r="E66" s="105" t="s">
        <v>32</v>
      </c>
      <c r="F66" s="105" t="s">
        <v>33</v>
      </c>
      <c r="G66" s="32" t="s">
        <v>34</v>
      </c>
      <c r="H66" s="10" t="s">
        <v>210</v>
      </c>
      <c r="I66" s="73">
        <v>57983</v>
      </c>
      <c r="J66" s="60">
        <v>62557</v>
      </c>
      <c r="K66" s="11">
        <v>53824</v>
      </c>
      <c r="L66" s="128"/>
      <c r="M66" s="105"/>
      <c r="N66" s="119"/>
    </row>
    <row r="67" spans="1:14" ht="16.95" customHeight="1" x14ac:dyDescent="0.2">
      <c r="A67" s="99"/>
      <c r="B67" s="102" t="s">
        <v>14</v>
      </c>
      <c r="C67" s="105" t="s">
        <v>31</v>
      </c>
      <c r="D67" s="108" t="s">
        <v>16</v>
      </c>
      <c r="E67" s="105" t="s">
        <v>32</v>
      </c>
      <c r="F67" s="105" t="s">
        <v>33</v>
      </c>
      <c r="G67" s="32"/>
      <c r="H67" s="13" t="s">
        <v>211</v>
      </c>
      <c r="I67" s="74">
        <v>54568</v>
      </c>
      <c r="J67" s="61">
        <v>42478</v>
      </c>
      <c r="K67" s="14">
        <v>29944</v>
      </c>
      <c r="L67" s="128"/>
      <c r="M67" s="105"/>
      <c r="N67" s="119"/>
    </row>
    <row r="68" spans="1:14" ht="16.95" customHeight="1" x14ac:dyDescent="0.2">
      <c r="A68" s="99"/>
      <c r="B68" s="102" t="s">
        <v>14</v>
      </c>
      <c r="C68" s="105" t="s">
        <v>31</v>
      </c>
      <c r="D68" s="108" t="s">
        <v>16</v>
      </c>
      <c r="E68" s="105" t="s">
        <v>32</v>
      </c>
      <c r="F68" s="105" t="s">
        <v>33</v>
      </c>
      <c r="G68" s="12" t="s">
        <v>12</v>
      </c>
      <c r="H68" s="13" t="s">
        <v>212</v>
      </c>
      <c r="I68" s="74">
        <v>464610</v>
      </c>
      <c r="J68" s="61">
        <v>456362</v>
      </c>
      <c r="K68" s="14">
        <v>439984</v>
      </c>
      <c r="L68" s="128"/>
      <c r="M68" s="105"/>
      <c r="N68" s="119"/>
    </row>
    <row r="69" spans="1:14" ht="16.95" customHeight="1" x14ac:dyDescent="0.2">
      <c r="A69" s="99"/>
      <c r="B69" s="102" t="s">
        <v>14</v>
      </c>
      <c r="C69" s="105" t="s">
        <v>31</v>
      </c>
      <c r="D69" s="108" t="s">
        <v>16</v>
      </c>
      <c r="E69" s="105" t="s">
        <v>32</v>
      </c>
      <c r="F69" s="105" t="s">
        <v>33</v>
      </c>
      <c r="G69" s="12">
        <v>466210</v>
      </c>
      <c r="H69" s="5"/>
      <c r="I69" s="75"/>
      <c r="J69" s="67"/>
      <c r="K69" s="15"/>
      <c r="L69" s="128"/>
      <c r="M69" s="105"/>
      <c r="N69" s="119"/>
    </row>
    <row r="70" spans="1:14" ht="16.95" customHeight="1" x14ac:dyDescent="0.2">
      <c r="A70" s="99"/>
      <c r="B70" s="102" t="s">
        <v>14</v>
      </c>
      <c r="C70" s="105" t="s">
        <v>31</v>
      </c>
      <c r="D70" s="108" t="s">
        <v>16</v>
      </c>
      <c r="E70" s="105" t="s">
        <v>32</v>
      </c>
      <c r="F70" s="105" t="s">
        <v>33</v>
      </c>
      <c r="G70" s="12"/>
      <c r="H70" s="5"/>
      <c r="I70" s="75"/>
      <c r="J70" s="67"/>
      <c r="K70" s="15"/>
      <c r="L70" s="128"/>
      <c r="M70" s="105"/>
      <c r="N70" s="119"/>
    </row>
    <row r="71" spans="1:14" ht="16.95" customHeight="1" x14ac:dyDescent="0.2">
      <c r="A71" s="99"/>
      <c r="B71" s="102" t="s">
        <v>14</v>
      </c>
      <c r="C71" s="105" t="s">
        <v>31</v>
      </c>
      <c r="D71" s="108" t="s">
        <v>16</v>
      </c>
      <c r="E71" s="105" t="s">
        <v>32</v>
      </c>
      <c r="F71" s="105" t="s">
        <v>33</v>
      </c>
      <c r="G71" s="12"/>
      <c r="H71" s="10" t="s">
        <v>213</v>
      </c>
      <c r="I71" s="76">
        <v>-410042</v>
      </c>
      <c r="J71" s="63">
        <v>-413884</v>
      </c>
      <c r="K71" s="16">
        <v>-410040</v>
      </c>
      <c r="L71" s="128"/>
      <c r="M71" s="105"/>
      <c r="N71" s="119"/>
    </row>
    <row r="72" spans="1:14" ht="16.95" customHeight="1" x14ac:dyDescent="0.2">
      <c r="A72" s="99"/>
      <c r="B72" s="102" t="s">
        <v>14</v>
      </c>
      <c r="C72" s="105" t="s">
        <v>31</v>
      </c>
      <c r="D72" s="108" t="s">
        <v>16</v>
      </c>
      <c r="E72" s="105" t="s">
        <v>32</v>
      </c>
      <c r="F72" s="105" t="s">
        <v>33</v>
      </c>
      <c r="G72" s="12"/>
      <c r="H72" s="13" t="s">
        <v>214</v>
      </c>
      <c r="I72" s="77">
        <v>8.0128658399875832</v>
      </c>
      <c r="J72" s="64">
        <v>7.2951388333839535</v>
      </c>
      <c r="K72" s="17">
        <v>8.1744946492271104</v>
      </c>
      <c r="L72" s="128"/>
      <c r="M72" s="105"/>
      <c r="N72" s="119"/>
    </row>
    <row r="73" spans="1:14" ht="16.95" customHeight="1" x14ac:dyDescent="0.2">
      <c r="A73" s="99"/>
      <c r="B73" s="102" t="s">
        <v>14</v>
      </c>
      <c r="C73" s="105" t="s">
        <v>31</v>
      </c>
      <c r="D73" s="108" t="s">
        <v>16</v>
      </c>
      <c r="E73" s="105" t="s">
        <v>32</v>
      </c>
      <c r="F73" s="105" t="s">
        <v>33</v>
      </c>
      <c r="G73" s="12"/>
      <c r="H73" s="13" t="s">
        <v>215</v>
      </c>
      <c r="I73" s="77">
        <v>7.0717624131210872</v>
      </c>
      <c r="J73" s="64">
        <v>6.6161101075818856</v>
      </c>
      <c r="K73" s="18">
        <v>7.6181629013079668</v>
      </c>
      <c r="L73" s="128"/>
      <c r="M73" s="105"/>
      <c r="N73" s="119"/>
    </row>
    <row r="74" spans="1:14" ht="16.95" customHeight="1" x14ac:dyDescent="0.2">
      <c r="A74" s="99"/>
      <c r="B74" s="102" t="s">
        <v>14</v>
      </c>
      <c r="C74" s="105" t="s">
        <v>31</v>
      </c>
      <c r="D74" s="108" t="s">
        <v>16</v>
      </c>
      <c r="E74" s="105" t="s">
        <v>32</v>
      </c>
      <c r="F74" s="105" t="s">
        <v>33</v>
      </c>
      <c r="G74" s="12"/>
      <c r="H74" s="19"/>
      <c r="I74" s="78"/>
      <c r="J74" s="65"/>
      <c r="K74" s="6"/>
      <c r="L74" s="128"/>
      <c r="M74" s="105"/>
      <c r="N74" s="119"/>
    </row>
    <row r="75" spans="1:14" ht="16.95" customHeight="1" x14ac:dyDescent="0.2">
      <c r="A75" s="99"/>
      <c r="B75" s="102" t="s">
        <v>14</v>
      </c>
      <c r="C75" s="105" t="s">
        <v>31</v>
      </c>
      <c r="D75" s="108" t="s">
        <v>16</v>
      </c>
      <c r="E75" s="105" t="s">
        <v>32</v>
      </c>
      <c r="F75" s="105" t="s">
        <v>33</v>
      </c>
      <c r="G75" s="12"/>
      <c r="H75" s="19"/>
      <c r="I75" s="78"/>
      <c r="J75" s="65"/>
      <c r="K75" s="6"/>
      <c r="L75" s="128"/>
      <c r="M75" s="105"/>
      <c r="N75" s="119"/>
    </row>
    <row r="76" spans="1:14" ht="16.95" customHeight="1" thickBot="1" x14ac:dyDescent="0.25">
      <c r="A76" s="100"/>
      <c r="B76" s="103" t="s">
        <v>14</v>
      </c>
      <c r="C76" s="106" t="s">
        <v>31</v>
      </c>
      <c r="D76" s="109" t="s">
        <v>16</v>
      </c>
      <c r="E76" s="106" t="s">
        <v>32</v>
      </c>
      <c r="F76" s="106" t="s">
        <v>33</v>
      </c>
      <c r="G76" s="21"/>
      <c r="H76" s="22"/>
      <c r="I76" s="79"/>
      <c r="J76" s="66"/>
      <c r="K76" s="7"/>
      <c r="L76" s="129"/>
      <c r="M76" s="106"/>
      <c r="N76" s="120"/>
    </row>
    <row r="77" spans="1:14" ht="16.95" customHeight="1" thickTop="1" x14ac:dyDescent="0.2">
      <c r="A77" s="98">
        <v>7</v>
      </c>
      <c r="B77" s="101" t="s">
        <v>248</v>
      </c>
      <c r="C77" s="104" t="s">
        <v>35</v>
      </c>
      <c r="D77" s="107" t="s">
        <v>16</v>
      </c>
      <c r="E77" s="104" t="s">
        <v>36</v>
      </c>
      <c r="F77" s="104" t="s">
        <v>231</v>
      </c>
      <c r="G77" s="8" t="s">
        <v>11</v>
      </c>
      <c r="H77" s="9"/>
      <c r="I77" s="72"/>
      <c r="J77" s="59"/>
      <c r="K77" s="4"/>
      <c r="L77" s="127" t="s">
        <v>264</v>
      </c>
      <c r="M77" s="134"/>
      <c r="N77" s="124" t="s">
        <v>348</v>
      </c>
    </row>
    <row r="78" spans="1:14" ht="16.95" customHeight="1" x14ac:dyDescent="0.2">
      <c r="A78" s="99"/>
      <c r="B78" s="102" t="s">
        <v>14</v>
      </c>
      <c r="C78" s="105" t="s">
        <v>35</v>
      </c>
      <c r="D78" s="108" t="s">
        <v>16</v>
      </c>
      <c r="E78" s="105" t="s">
        <v>36</v>
      </c>
      <c r="F78" s="105" t="s">
        <v>37</v>
      </c>
      <c r="G78" s="12">
        <v>2948133</v>
      </c>
      <c r="H78" s="10" t="s">
        <v>210</v>
      </c>
      <c r="I78" s="73">
        <v>348107</v>
      </c>
      <c r="J78" s="60">
        <v>395511</v>
      </c>
      <c r="K78" s="11">
        <v>428394</v>
      </c>
      <c r="L78" s="128"/>
      <c r="M78" s="105"/>
      <c r="N78" s="119"/>
    </row>
    <row r="79" spans="1:14" ht="16.95" customHeight="1" x14ac:dyDescent="0.2">
      <c r="A79" s="99"/>
      <c r="B79" s="102" t="s">
        <v>14</v>
      </c>
      <c r="C79" s="105" t="s">
        <v>35</v>
      </c>
      <c r="D79" s="108" t="s">
        <v>16</v>
      </c>
      <c r="E79" s="105" t="s">
        <v>36</v>
      </c>
      <c r="F79" s="105" t="s">
        <v>37</v>
      </c>
      <c r="G79" s="33"/>
      <c r="H79" s="13" t="s">
        <v>211</v>
      </c>
      <c r="I79" s="74">
        <v>34022</v>
      </c>
      <c r="J79" s="61">
        <v>40538</v>
      </c>
      <c r="K79" s="14">
        <v>38813</v>
      </c>
      <c r="L79" s="128"/>
      <c r="M79" s="105"/>
      <c r="N79" s="119"/>
    </row>
    <row r="80" spans="1:14" ht="16.95" customHeight="1" x14ac:dyDescent="0.2">
      <c r="A80" s="99"/>
      <c r="B80" s="102" t="s">
        <v>14</v>
      </c>
      <c r="C80" s="105" t="s">
        <v>35</v>
      </c>
      <c r="D80" s="108" t="s">
        <v>16</v>
      </c>
      <c r="E80" s="105" t="s">
        <v>36</v>
      </c>
      <c r="F80" s="105" t="s">
        <v>37</v>
      </c>
      <c r="G80" s="12" t="s">
        <v>12</v>
      </c>
      <c r="H80" s="13" t="s">
        <v>212</v>
      </c>
      <c r="I80" s="74">
        <v>304408</v>
      </c>
      <c r="J80" s="61">
        <v>294569</v>
      </c>
      <c r="K80" s="14">
        <v>316392</v>
      </c>
      <c r="L80" s="128"/>
      <c r="M80" s="105"/>
      <c r="N80" s="119"/>
    </row>
    <row r="81" spans="1:14" ht="16.95" customHeight="1" x14ac:dyDescent="0.2">
      <c r="A81" s="99"/>
      <c r="B81" s="102" t="s">
        <v>14</v>
      </c>
      <c r="C81" s="105" t="s">
        <v>35</v>
      </c>
      <c r="D81" s="108" t="s">
        <v>16</v>
      </c>
      <c r="E81" s="105" t="s">
        <v>36</v>
      </c>
      <c r="F81" s="105" t="s">
        <v>37</v>
      </c>
      <c r="G81" s="12">
        <v>4498482</v>
      </c>
      <c r="H81" s="5"/>
      <c r="I81" s="75"/>
      <c r="J81" s="67"/>
      <c r="K81" s="15"/>
      <c r="L81" s="128"/>
      <c r="M81" s="105"/>
      <c r="N81" s="119"/>
    </row>
    <row r="82" spans="1:14" ht="16.95" customHeight="1" x14ac:dyDescent="0.2">
      <c r="A82" s="99"/>
      <c r="B82" s="102" t="s">
        <v>14</v>
      </c>
      <c r="C82" s="105" t="s">
        <v>35</v>
      </c>
      <c r="D82" s="108" t="s">
        <v>16</v>
      </c>
      <c r="E82" s="105" t="s">
        <v>36</v>
      </c>
      <c r="F82" s="105" t="s">
        <v>37</v>
      </c>
      <c r="G82" s="33"/>
      <c r="H82" s="5"/>
      <c r="I82" s="75"/>
      <c r="J82" s="67"/>
      <c r="K82" s="15"/>
      <c r="L82" s="128"/>
      <c r="M82" s="105"/>
      <c r="N82" s="119"/>
    </row>
    <row r="83" spans="1:14" ht="16.95" customHeight="1" x14ac:dyDescent="0.2">
      <c r="A83" s="99"/>
      <c r="B83" s="102" t="s">
        <v>14</v>
      </c>
      <c r="C83" s="105" t="s">
        <v>35</v>
      </c>
      <c r="D83" s="108" t="s">
        <v>16</v>
      </c>
      <c r="E83" s="105" t="s">
        <v>36</v>
      </c>
      <c r="F83" s="105" t="s">
        <v>37</v>
      </c>
      <c r="G83" s="135" t="s">
        <v>235</v>
      </c>
      <c r="H83" s="10" t="s">
        <v>213</v>
      </c>
      <c r="I83" s="76">
        <v>-270386</v>
      </c>
      <c r="J83" s="63">
        <v>-254031</v>
      </c>
      <c r="K83" s="16">
        <v>-277579</v>
      </c>
      <c r="L83" s="128"/>
      <c r="M83" s="105"/>
      <c r="N83" s="119"/>
    </row>
    <row r="84" spans="1:14" ht="16.95" customHeight="1" x14ac:dyDescent="0.2">
      <c r="A84" s="99"/>
      <c r="B84" s="102" t="s">
        <v>14</v>
      </c>
      <c r="C84" s="105" t="s">
        <v>35</v>
      </c>
      <c r="D84" s="108" t="s">
        <v>16</v>
      </c>
      <c r="E84" s="105" t="s">
        <v>36</v>
      </c>
      <c r="F84" s="105" t="s">
        <v>37</v>
      </c>
      <c r="G84" s="135"/>
      <c r="H84" s="13" t="s">
        <v>214</v>
      </c>
      <c r="I84" s="77">
        <v>0.87446675878393709</v>
      </c>
      <c r="J84" s="64">
        <v>0.74478080255669243</v>
      </c>
      <c r="K84" s="17">
        <v>0.73855376125716043</v>
      </c>
      <c r="L84" s="128"/>
      <c r="M84" s="105"/>
      <c r="N84" s="119"/>
    </row>
    <row r="85" spans="1:14" ht="16.95" customHeight="1" x14ac:dyDescent="0.2">
      <c r="A85" s="99"/>
      <c r="B85" s="102" t="s">
        <v>14</v>
      </c>
      <c r="C85" s="105" t="s">
        <v>35</v>
      </c>
      <c r="D85" s="108" t="s">
        <v>16</v>
      </c>
      <c r="E85" s="105" t="s">
        <v>36</v>
      </c>
      <c r="F85" s="105" t="s">
        <v>37</v>
      </c>
      <c r="G85" s="135"/>
      <c r="H85" s="13" t="s">
        <v>215</v>
      </c>
      <c r="I85" s="77">
        <v>0.7767324414619643</v>
      </c>
      <c r="J85" s="64">
        <v>0.64228554958016337</v>
      </c>
      <c r="K85" s="18">
        <v>0.64795258570381475</v>
      </c>
      <c r="L85" s="128"/>
      <c r="M85" s="105"/>
      <c r="N85" s="119"/>
    </row>
    <row r="86" spans="1:14" ht="16.95" customHeight="1" x14ac:dyDescent="0.2">
      <c r="A86" s="99"/>
      <c r="B86" s="102" t="s">
        <v>14</v>
      </c>
      <c r="C86" s="105" t="s">
        <v>35</v>
      </c>
      <c r="D86" s="108" t="s">
        <v>16</v>
      </c>
      <c r="E86" s="105" t="s">
        <v>36</v>
      </c>
      <c r="F86" s="105" t="s">
        <v>37</v>
      </c>
      <c r="G86" s="135"/>
      <c r="H86" s="19"/>
      <c r="I86" s="78"/>
      <c r="J86" s="65"/>
      <c r="K86" s="6"/>
      <c r="L86" s="128"/>
      <c r="M86" s="105"/>
      <c r="N86" s="119"/>
    </row>
    <row r="87" spans="1:14" ht="16.95" customHeight="1" x14ac:dyDescent="0.2">
      <c r="A87" s="99"/>
      <c r="B87" s="102" t="s">
        <v>14</v>
      </c>
      <c r="C87" s="105" t="s">
        <v>35</v>
      </c>
      <c r="D87" s="108" t="s">
        <v>16</v>
      </c>
      <c r="E87" s="105" t="s">
        <v>36</v>
      </c>
      <c r="F87" s="105" t="s">
        <v>37</v>
      </c>
      <c r="G87" s="12"/>
      <c r="H87" s="19"/>
      <c r="I87" s="78"/>
      <c r="J87" s="65"/>
      <c r="K87" s="6"/>
      <c r="L87" s="128"/>
      <c r="M87" s="105"/>
      <c r="N87" s="119"/>
    </row>
    <row r="88" spans="1:14" ht="16.95" customHeight="1" thickBot="1" x14ac:dyDescent="0.25">
      <c r="A88" s="100"/>
      <c r="B88" s="103" t="s">
        <v>14</v>
      </c>
      <c r="C88" s="106" t="s">
        <v>35</v>
      </c>
      <c r="D88" s="109" t="s">
        <v>16</v>
      </c>
      <c r="E88" s="106" t="s">
        <v>36</v>
      </c>
      <c r="F88" s="106" t="s">
        <v>37</v>
      </c>
      <c r="G88" s="21"/>
      <c r="H88" s="22"/>
      <c r="I88" s="79"/>
      <c r="J88" s="66"/>
      <c r="K88" s="7"/>
      <c r="L88" s="129"/>
      <c r="M88" s="106"/>
      <c r="N88" s="120"/>
    </row>
    <row r="89" spans="1:14" ht="16.95" customHeight="1" thickTop="1" x14ac:dyDescent="0.2">
      <c r="A89" s="98">
        <v>8</v>
      </c>
      <c r="B89" s="101" t="s">
        <v>248</v>
      </c>
      <c r="C89" s="104" t="s">
        <v>38</v>
      </c>
      <c r="D89" s="107" t="s">
        <v>16</v>
      </c>
      <c r="E89" s="104" t="s">
        <v>39</v>
      </c>
      <c r="F89" s="104" t="s">
        <v>40</v>
      </c>
      <c r="G89" s="24" t="s">
        <v>11</v>
      </c>
      <c r="H89" s="9"/>
      <c r="I89" s="72"/>
      <c r="J89" s="59"/>
      <c r="K89" s="4"/>
      <c r="L89" s="127" t="s">
        <v>265</v>
      </c>
      <c r="M89" s="134"/>
      <c r="N89" s="124" t="s">
        <v>349</v>
      </c>
    </row>
    <row r="90" spans="1:14" ht="16.95" customHeight="1" x14ac:dyDescent="0.2">
      <c r="A90" s="99"/>
      <c r="B90" s="102"/>
      <c r="C90" s="105"/>
      <c r="D90" s="108"/>
      <c r="E90" s="105"/>
      <c r="F90" s="105"/>
      <c r="G90" s="32" t="s">
        <v>34</v>
      </c>
      <c r="H90" s="10" t="s">
        <v>210</v>
      </c>
      <c r="I90" s="73">
        <v>27260</v>
      </c>
      <c r="J90" s="60">
        <v>31958</v>
      </c>
      <c r="K90" s="11">
        <v>33465</v>
      </c>
      <c r="L90" s="128"/>
      <c r="M90" s="105"/>
      <c r="N90" s="119"/>
    </row>
    <row r="91" spans="1:14" ht="16.95" customHeight="1" x14ac:dyDescent="0.2">
      <c r="A91" s="99"/>
      <c r="B91" s="102"/>
      <c r="C91" s="105"/>
      <c r="D91" s="108"/>
      <c r="E91" s="105"/>
      <c r="F91" s="105"/>
      <c r="G91" s="32"/>
      <c r="H91" s="13" t="s">
        <v>211</v>
      </c>
      <c r="I91" s="74">
        <v>3115</v>
      </c>
      <c r="J91" s="61">
        <v>3141</v>
      </c>
      <c r="K91" s="14">
        <v>2996</v>
      </c>
      <c r="L91" s="128"/>
      <c r="M91" s="105"/>
      <c r="N91" s="119"/>
    </row>
    <row r="92" spans="1:14" ht="16.95" customHeight="1" x14ac:dyDescent="0.2">
      <c r="A92" s="99"/>
      <c r="B92" s="102"/>
      <c r="C92" s="105"/>
      <c r="D92" s="108"/>
      <c r="E92" s="105"/>
      <c r="F92" s="105"/>
      <c r="G92" s="25" t="s">
        <v>12</v>
      </c>
      <c r="H92" s="13" t="s">
        <v>212</v>
      </c>
      <c r="I92" s="74">
        <v>24752</v>
      </c>
      <c r="J92" s="61">
        <v>24054</v>
      </c>
      <c r="K92" s="14">
        <v>24662</v>
      </c>
      <c r="L92" s="128"/>
      <c r="M92" s="105"/>
      <c r="N92" s="119"/>
    </row>
    <row r="93" spans="1:14" ht="16.95" customHeight="1" x14ac:dyDescent="0.2">
      <c r="A93" s="99"/>
      <c r="B93" s="102"/>
      <c r="C93" s="105"/>
      <c r="D93" s="108"/>
      <c r="E93" s="105"/>
      <c r="F93" s="105"/>
      <c r="G93" s="25">
        <v>357370</v>
      </c>
      <c r="H93" s="5"/>
      <c r="I93" s="75"/>
      <c r="J93" s="67"/>
      <c r="K93" s="15"/>
      <c r="L93" s="128"/>
      <c r="M93" s="105"/>
      <c r="N93" s="119"/>
    </row>
    <row r="94" spans="1:14" ht="16.95" customHeight="1" x14ac:dyDescent="0.2">
      <c r="A94" s="99"/>
      <c r="B94" s="102"/>
      <c r="C94" s="105"/>
      <c r="D94" s="108"/>
      <c r="E94" s="105"/>
      <c r="F94" s="105"/>
      <c r="G94" s="25"/>
      <c r="H94" s="5"/>
      <c r="I94" s="75"/>
      <c r="J94" s="67"/>
      <c r="K94" s="15"/>
      <c r="L94" s="128"/>
      <c r="M94" s="105"/>
      <c r="N94" s="119"/>
    </row>
    <row r="95" spans="1:14" ht="16.95" customHeight="1" x14ac:dyDescent="0.2">
      <c r="A95" s="99"/>
      <c r="B95" s="102"/>
      <c r="C95" s="105"/>
      <c r="D95" s="108"/>
      <c r="E95" s="105"/>
      <c r="F95" s="105"/>
      <c r="G95" s="25"/>
      <c r="H95" s="10" t="s">
        <v>213</v>
      </c>
      <c r="I95" s="76">
        <v>-21637</v>
      </c>
      <c r="J95" s="63">
        <v>-20913</v>
      </c>
      <c r="K95" s="16">
        <v>-21666</v>
      </c>
      <c r="L95" s="128"/>
      <c r="M95" s="105"/>
      <c r="N95" s="119"/>
    </row>
    <row r="96" spans="1:14" ht="16.95" customHeight="1" x14ac:dyDescent="0.2">
      <c r="A96" s="99"/>
      <c r="B96" s="102"/>
      <c r="C96" s="105"/>
      <c r="D96" s="108"/>
      <c r="E96" s="105"/>
      <c r="F96" s="105"/>
      <c r="G96" s="25"/>
      <c r="H96" s="13" t="s">
        <v>214</v>
      </c>
      <c r="I96" s="77">
        <v>0.90799706529713864</v>
      </c>
      <c r="J96" s="64">
        <v>0.75267538644470866</v>
      </c>
      <c r="K96" s="17">
        <v>0.73694905124757204</v>
      </c>
      <c r="L96" s="128"/>
      <c r="M96" s="105"/>
      <c r="N96" s="119"/>
    </row>
    <row r="97" spans="1:14" ht="16.95" customHeight="1" x14ac:dyDescent="0.2">
      <c r="A97" s="99"/>
      <c r="B97" s="102"/>
      <c r="C97" s="105"/>
      <c r="D97" s="108"/>
      <c r="E97" s="105"/>
      <c r="F97" s="105"/>
      <c r="G97" s="25"/>
      <c r="H97" s="13" t="s">
        <v>215</v>
      </c>
      <c r="I97" s="77">
        <v>0.79372707263389586</v>
      </c>
      <c r="J97" s="64">
        <v>0.65439013705488458</v>
      </c>
      <c r="K97" s="18">
        <v>0.64742268041237117</v>
      </c>
      <c r="L97" s="128"/>
      <c r="M97" s="105"/>
      <c r="N97" s="119"/>
    </row>
    <row r="98" spans="1:14" ht="16.95" customHeight="1" x14ac:dyDescent="0.2">
      <c r="A98" s="99"/>
      <c r="B98" s="102"/>
      <c r="C98" s="105"/>
      <c r="D98" s="108"/>
      <c r="E98" s="105"/>
      <c r="F98" s="105"/>
      <c r="G98" s="25"/>
      <c r="H98" s="19"/>
      <c r="I98" s="78"/>
      <c r="J98" s="65"/>
      <c r="K98" s="6"/>
      <c r="L98" s="128"/>
      <c r="M98" s="105"/>
      <c r="N98" s="119"/>
    </row>
    <row r="99" spans="1:14" ht="16.95" customHeight="1" x14ac:dyDescent="0.2">
      <c r="A99" s="99"/>
      <c r="B99" s="102"/>
      <c r="C99" s="105"/>
      <c r="D99" s="108"/>
      <c r="E99" s="105"/>
      <c r="F99" s="105"/>
      <c r="G99" s="25"/>
      <c r="H99" s="19"/>
      <c r="I99" s="78"/>
      <c r="J99" s="65"/>
      <c r="K99" s="6"/>
      <c r="L99" s="128"/>
      <c r="M99" s="105"/>
      <c r="N99" s="119"/>
    </row>
    <row r="100" spans="1:14" ht="16.95" customHeight="1" thickBot="1" x14ac:dyDescent="0.25">
      <c r="A100" s="100"/>
      <c r="B100" s="103"/>
      <c r="C100" s="106"/>
      <c r="D100" s="109"/>
      <c r="E100" s="106"/>
      <c r="F100" s="106"/>
      <c r="G100" s="26"/>
      <c r="H100" s="22"/>
      <c r="I100" s="79"/>
      <c r="J100" s="66"/>
      <c r="K100" s="7"/>
      <c r="L100" s="129"/>
      <c r="M100" s="106"/>
      <c r="N100" s="120"/>
    </row>
    <row r="101" spans="1:14" ht="16.95" customHeight="1" thickTop="1" x14ac:dyDescent="0.2">
      <c r="A101" s="98">
        <v>9</v>
      </c>
      <c r="B101" s="101" t="s">
        <v>248</v>
      </c>
      <c r="C101" s="104" t="s">
        <v>41</v>
      </c>
      <c r="D101" s="107" t="s">
        <v>16</v>
      </c>
      <c r="E101" s="104" t="s">
        <v>42</v>
      </c>
      <c r="F101" s="104" t="s">
        <v>43</v>
      </c>
      <c r="G101" s="24" t="s">
        <v>11</v>
      </c>
      <c r="H101" s="9"/>
      <c r="I101" s="72"/>
      <c r="J101" s="59"/>
      <c r="K101" s="4"/>
      <c r="L101" s="127" t="s">
        <v>266</v>
      </c>
      <c r="M101" s="136"/>
      <c r="N101" s="124" t="s">
        <v>350</v>
      </c>
    </row>
    <row r="102" spans="1:14" ht="16.95" customHeight="1" x14ac:dyDescent="0.2">
      <c r="A102" s="99"/>
      <c r="B102" s="102"/>
      <c r="C102" s="105"/>
      <c r="D102" s="108"/>
      <c r="E102" s="105"/>
      <c r="F102" s="105"/>
      <c r="G102" s="32" t="s">
        <v>34</v>
      </c>
      <c r="H102" s="10" t="s">
        <v>210</v>
      </c>
      <c r="I102" s="73">
        <v>72581</v>
      </c>
      <c r="J102" s="60">
        <v>0</v>
      </c>
      <c r="K102" s="11">
        <v>183718</v>
      </c>
      <c r="L102" s="128"/>
      <c r="M102" s="135"/>
      <c r="N102" s="119"/>
    </row>
    <row r="103" spans="1:14" ht="16.95" customHeight="1" x14ac:dyDescent="0.2">
      <c r="A103" s="99"/>
      <c r="B103" s="102"/>
      <c r="C103" s="105"/>
      <c r="D103" s="108"/>
      <c r="E103" s="105"/>
      <c r="F103" s="105"/>
      <c r="G103" s="32"/>
      <c r="H103" s="13" t="s">
        <v>211</v>
      </c>
      <c r="I103" s="74">
        <v>8513</v>
      </c>
      <c r="J103" s="61">
        <v>4620</v>
      </c>
      <c r="K103" s="14">
        <v>15493</v>
      </c>
      <c r="L103" s="128"/>
      <c r="M103" s="135"/>
      <c r="N103" s="119"/>
    </row>
    <row r="104" spans="1:14" ht="16.95" customHeight="1" x14ac:dyDescent="0.2">
      <c r="A104" s="99"/>
      <c r="B104" s="102"/>
      <c r="C104" s="105"/>
      <c r="D104" s="108"/>
      <c r="E104" s="105"/>
      <c r="F104" s="105"/>
      <c r="G104" s="25" t="s">
        <v>12</v>
      </c>
      <c r="H104" s="13" t="s">
        <v>212</v>
      </c>
      <c r="I104" s="74">
        <v>37805</v>
      </c>
      <c r="J104" s="61">
        <v>23463</v>
      </c>
      <c r="K104" s="14">
        <v>54759</v>
      </c>
      <c r="L104" s="128"/>
      <c r="M104" s="135"/>
      <c r="N104" s="119"/>
    </row>
    <row r="105" spans="1:14" ht="16.95" customHeight="1" x14ac:dyDescent="0.2">
      <c r="A105" s="99"/>
      <c r="B105" s="102"/>
      <c r="C105" s="105"/>
      <c r="D105" s="108"/>
      <c r="E105" s="105"/>
      <c r="F105" s="105"/>
      <c r="G105" s="25">
        <v>234150</v>
      </c>
      <c r="H105" s="5"/>
      <c r="I105" s="75"/>
      <c r="J105" s="62"/>
      <c r="K105" s="15"/>
      <c r="L105" s="128"/>
      <c r="M105" s="135"/>
      <c r="N105" s="119"/>
    </row>
    <row r="106" spans="1:14" ht="16.95" customHeight="1" x14ac:dyDescent="0.2">
      <c r="A106" s="99"/>
      <c r="B106" s="102"/>
      <c r="C106" s="105"/>
      <c r="D106" s="108"/>
      <c r="E106" s="105"/>
      <c r="F106" s="105"/>
      <c r="G106" s="25"/>
      <c r="H106" s="5"/>
      <c r="I106" s="75"/>
      <c r="J106" s="62"/>
      <c r="K106" s="15"/>
      <c r="L106" s="128"/>
      <c r="M106" s="135"/>
      <c r="N106" s="119"/>
    </row>
    <row r="107" spans="1:14" ht="16.95" customHeight="1" x14ac:dyDescent="0.2">
      <c r="A107" s="99"/>
      <c r="B107" s="102"/>
      <c r="C107" s="105"/>
      <c r="D107" s="108"/>
      <c r="E107" s="105"/>
      <c r="F107" s="105"/>
      <c r="G107" s="25"/>
      <c r="H107" s="10" t="s">
        <v>213</v>
      </c>
      <c r="I107" s="76">
        <v>-29292</v>
      </c>
      <c r="J107" s="63">
        <v>-18843</v>
      </c>
      <c r="K107" s="16">
        <v>-39266</v>
      </c>
      <c r="L107" s="128"/>
      <c r="M107" s="135"/>
      <c r="N107" s="119"/>
    </row>
    <row r="108" spans="1:14" ht="16.95" customHeight="1" x14ac:dyDescent="0.2">
      <c r="A108" s="99"/>
      <c r="B108" s="102"/>
      <c r="C108" s="105"/>
      <c r="D108" s="108"/>
      <c r="E108" s="105"/>
      <c r="F108" s="105"/>
      <c r="G108" s="25"/>
      <c r="H108" s="13" t="s">
        <v>214</v>
      </c>
      <c r="I108" s="77">
        <v>0.52086634243121477</v>
      </c>
      <c r="J108" s="64" t="s">
        <v>251</v>
      </c>
      <c r="K108" s="17">
        <v>0.29806007032517229</v>
      </c>
      <c r="L108" s="128"/>
      <c r="M108" s="135"/>
      <c r="N108" s="119"/>
    </row>
    <row r="109" spans="1:14" ht="16.95" customHeight="1" x14ac:dyDescent="0.2">
      <c r="A109" s="99"/>
      <c r="B109" s="102"/>
      <c r="C109" s="105"/>
      <c r="D109" s="108"/>
      <c r="E109" s="105"/>
      <c r="F109" s="105"/>
      <c r="G109" s="25"/>
      <c r="H109" s="13" t="s">
        <v>215</v>
      </c>
      <c r="I109" s="77">
        <v>0.40357669362505338</v>
      </c>
      <c r="J109" s="64" t="s">
        <v>251</v>
      </c>
      <c r="K109" s="18">
        <v>0.21372973796797265</v>
      </c>
      <c r="L109" s="128"/>
      <c r="M109" s="135"/>
      <c r="N109" s="119"/>
    </row>
    <row r="110" spans="1:14" ht="16.95" customHeight="1" x14ac:dyDescent="0.2">
      <c r="A110" s="99"/>
      <c r="B110" s="102"/>
      <c r="C110" s="105"/>
      <c r="D110" s="108"/>
      <c r="E110" s="105"/>
      <c r="F110" s="105"/>
      <c r="G110" s="25"/>
      <c r="H110" s="19"/>
      <c r="I110" s="78"/>
      <c r="J110" s="65"/>
      <c r="K110" s="6"/>
      <c r="L110" s="128"/>
      <c r="M110" s="135"/>
      <c r="N110" s="119"/>
    </row>
    <row r="111" spans="1:14" ht="16.95" customHeight="1" x14ac:dyDescent="0.2">
      <c r="A111" s="99"/>
      <c r="B111" s="102"/>
      <c r="C111" s="105"/>
      <c r="D111" s="108"/>
      <c r="E111" s="105"/>
      <c r="F111" s="105"/>
      <c r="G111" s="25"/>
      <c r="H111" s="19"/>
      <c r="I111" s="78"/>
      <c r="J111" s="65"/>
      <c r="K111" s="6"/>
      <c r="L111" s="128"/>
      <c r="M111" s="135"/>
      <c r="N111" s="119"/>
    </row>
    <row r="112" spans="1:14" ht="16.95" customHeight="1" thickBot="1" x14ac:dyDescent="0.25">
      <c r="A112" s="100"/>
      <c r="B112" s="103"/>
      <c r="C112" s="106"/>
      <c r="D112" s="109"/>
      <c r="E112" s="106"/>
      <c r="F112" s="106"/>
      <c r="G112" s="26"/>
      <c r="H112" s="22"/>
      <c r="I112" s="79"/>
      <c r="J112" s="66"/>
      <c r="K112" s="7"/>
      <c r="L112" s="129"/>
      <c r="M112" s="137"/>
      <c r="N112" s="120"/>
    </row>
    <row r="113" spans="1:14" ht="16.95" customHeight="1" thickTop="1" x14ac:dyDescent="0.2">
      <c r="A113" s="98">
        <v>10</v>
      </c>
      <c r="B113" s="101" t="s">
        <v>248</v>
      </c>
      <c r="C113" s="104" t="s">
        <v>44</v>
      </c>
      <c r="D113" s="107" t="s">
        <v>45</v>
      </c>
      <c r="E113" s="104" t="s">
        <v>46</v>
      </c>
      <c r="F113" s="104" t="s">
        <v>237</v>
      </c>
      <c r="G113" s="24" t="s">
        <v>11</v>
      </c>
      <c r="H113" s="9"/>
      <c r="I113" s="72"/>
      <c r="J113" s="59"/>
      <c r="K113" s="4"/>
      <c r="L113" s="127" t="s">
        <v>267</v>
      </c>
      <c r="M113" s="134"/>
      <c r="N113" s="124" t="s">
        <v>351</v>
      </c>
    </row>
    <row r="114" spans="1:14" ht="16.95" customHeight="1" x14ac:dyDescent="0.2">
      <c r="A114" s="99"/>
      <c r="B114" s="102"/>
      <c r="C114" s="105"/>
      <c r="D114" s="108"/>
      <c r="E114" s="105"/>
      <c r="F114" s="105"/>
      <c r="G114" s="34">
        <v>571554</v>
      </c>
      <c r="H114" s="10" t="s">
        <v>210</v>
      </c>
      <c r="I114" s="73">
        <v>217750</v>
      </c>
      <c r="J114" s="60">
        <v>236885</v>
      </c>
      <c r="K114" s="11">
        <v>244577</v>
      </c>
      <c r="L114" s="128"/>
      <c r="M114" s="105"/>
      <c r="N114" s="119"/>
    </row>
    <row r="115" spans="1:14" ht="16.95" customHeight="1" x14ac:dyDescent="0.2">
      <c r="A115" s="99"/>
      <c r="B115" s="102"/>
      <c r="C115" s="105"/>
      <c r="D115" s="108"/>
      <c r="E115" s="105"/>
      <c r="F115" s="105"/>
      <c r="G115" s="138" t="s">
        <v>236</v>
      </c>
      <c r="H115" s="13" t="s">
        <v>211</v>
      </c>
      <c r="I115" s="74">
        <v>8424</v>
      </c>
      <c r="J115" s="61">
        <v>8238</v>
      </c>
      <c r="K115" s="14">
        <v>8748</v>
      </c>
      <c r="L115" s="128"/>
      <c r="M115" s="105"/>
      <c r="N115" s="119"/>
    </row>
    <row r="116" spans="1:14" ht="16.95" customHeight="1" x14ac:dyDescent="0.2">
      <c r="A116" s="99"/>
      <c r="B116" s="102"/>
      <c r="C116" s="105"/>
      <c r="D116" s="108"/>
      <c r="E116" s="105"/>
      <c r="F116" s="105"/>
      <c r="G116" s="138"/>
      <c r="H116" s="13" t="s">
        <v>212</v>
      </c>
      <c r="I116" s="74">
        <v>26385</v>
      </c>
      <c r="J116" s="61">
        <v>26148</v>
      </c>
      <c r="K116" s="14">
        <v>26348</v>
      </c>
      <c r="L116" s="128"/>
      <c r="M116" s="105"/>
      <c r="N116" s="119"/>
    </row>
    <row r="117" spans="1:14" ht="16.95" customHeight="1" x14ac:dyDescent="0.2">
      <c r="A117" s="99"/>
      <c r="B117" s="102"/>
      <c r="C117" s="105"/>
      <c r="D117" s="108"/>
      <c r="E117" s="105"/>
      <c r="F117" s="105"/>
      <c r="G117" s="138"/>
      <c r="H117" s="5"/>
      <c r="I117" s="75"/>
      <c r="J117" s="62"/>
      <c r="K117" s="15"/>
      <c r="L117" s="128"/>
      <c r="M117" s="105"/>
      <c r="N117" s="119"/>
    </row>
    <row r="118" spans="1:14" ht="16.95" customHeight="1" x14ac:dyDescent="0.2">
      <c r="A118" s="99"/>
      <c r="B118" s="102"/>
      <c r="C118" s="105"/>
      <c r="D118" s="108"/>
      <c r="E118" s="105"/>
      <c r="F118" s="105"/>
      <c r="G118" s="25" t="s">
        <v>12</v>
      </c>
      <c r="H118" s="5"/>
      <c r="I118" s="75"/>
      <c r="J118" s="62"/>
      <c r="K118" s="15"/>
      <c r="L118" s="128"/>
      <c r="M118" s="105"/>
      <c r="N118" s="119"/>
    </row>
    <row r="119" spans="1:14" ht="16.95" customHeight="1" x14ac:dyDescent="0.2">
      <c r="A119" s="99"/>
      <c r="B119" s="102"/>
      <c r="C119" s="105"/>
      <c r="D119" s="108"/>
      <c r="E119" s="105"/>
      <c r="F119" s="105"/>
      <c r="G119" s="25">
        <v>219561</v>
      </c>
      <c r="H119" s="10" t="s">
        <v>213</v>
      </c>
      <c r="I119" s="76">
        <v>-17961</v>
      </c>
      <c r="J119" s="63">
        <v>-17910</v>
      </c>
      <c r="K119" s="16">
        <v>-17600</v>
      </c>
      <c r="L119" s="128"/>
      <c r="M119" s="105"/>
      <c r="N119" s="119"/>
    </row>
    <row r="120" spans="1:14" ht="16.95" customHeight="1" x14ac:dyDescent="0.2">
      <c r="A120" s="99"/>
      <c r="B120" s="102"/>
      <c r="C120" s="105"/>
      <c r="D120" s="108"/>
      <c r="E120" s="105"/>
      <c r="F120" s="105"/>
      <c r="G120" s="25"/>
      <c r="H120" s="13" t="s">
        <v>214</v>
      </c>
      <c r="I120" s="77">
        <v>0.12117106773823191</v>
      </c>
      <c r="J120" s="64">
        <v>0.11038267513772505</v>
      </c>
      <c r="K120" s="17">
        <v>0.10772885430764136</v>
      </c>
      <c r="L120" s="128"/>
      <c r="M120" s="105"/>
      <c r="N120" s="119"/>
    </row>
    <row r="121" spans="1:14" ht="16.95" customHeight="1" x14ac:dyDescent="0.2">
      <c r="A121" s="99"/>
      <c r="B121" s="102"/>
      <c r="C121" s="105"/>
      <c r="D121" s="108"/>
      <c r="E121" s="105"/>
      <c r="F121" s="105"/>
      <c r="G121" s="125"/>
      <c r="H121" s="13" t="s">
        <v>215</v>
      </c>
      <c r="I121" s="77">
        <v>8.2484500574052808E-2</v>
      </c>
      <c r="J121" s="64">
        <v>7.5606306857757988E-2</v>
      </c>
      <c r="K121" s="18">
        <v>7.1960977524460595E-2</v>
      </c>
      <c r="L121" s="128"/>
      <c r="M121" s="105"/>
      <c r="N121" s="119"/>
    </row>
    <row r="122" spans="1:14" ht="16.95" customHeight="1" x14ac:dyDescent="0.2">
      <c r="A122" s="99"/>
      <c r="B122" s="102"/>
      <c r="C122" s="105"/>
      <c r="D122" s="108"/>
      <c r="E122" s="105"/>
      <c r="F122" s="105"/>
      <c r="G122" s="125"/>
      <c r="H122" s="19"/>
      <c r="I122" s="78"/>
      <c r="J122" s="65"/>
      <c r="K122" s="6"/>
      <c r="L122" s="128"/>
      <c r="M122" s="105"/>
      <c r="N122" s="119"/>
    </row>
    <row r="123" spans="1:14" ht="16.95" customHeight="1" x14ac:dyDescent="0.2">
      <c r="A123" s="99"/>
      <c r="B123" s="102"/>
      <c r="C123" s="105"/>
      <c r="D123" s="108"/>
      <c r="E123" s="105"/>
      <c r="F123" s="105"/>
      <c r="G123" s="125"/>
      <c r="H123" s="19"/>
      <c r="I123" s="78"/>
      <c r="J123" s="65"/>
      <c r="K123" s="6"/>
      <c r="L123" s="128"/>
      <c r="M123" s="105"/>
      <c r="N123" s="119"/>
    </row>
    <row r="124" spans="1:14" ht="16.95" customHeight="1" thickBot="1" x14ac:dyDescent="0.25">
      <c r="A124" s="100"/>
      <c r="B124" s="103"/>
      <c r="C124" s="106"/>
      <c r="D124" s="109"/>
      <c r="E124" s="106"/>
      <c r="F124" s="106"/>
      <c r="G124" s="26"/>
      <c r="H124" s="22"/>
      <c r="I124" s="79"/>
      <c r="J124" s="66"/>
      <c r="K124" s="7"/>
      <c r="L124" s="129"/>
      <c r="M124" s="106"/>
      <c r="N124" s="120"/>
    </row>
    <row r="125" spans="1:14" ht="16.95" customHeight="1" thickTop="1" x14ac:dyDescent="0.2">
      <c r="A125" s="98">
        <v>11</v>
      </c>
      <c r="B125" s="101" t="s">
        <v>248</v>
      </c>
      <c r="C125" s="104" t="s">
        <v>47</v>
      </c>
      <c r="D125" s="107" t="s">
        <v>48</v>
      </c>
      <c r="E125" s="104" t="s">
        <v>49</v>
      </c>
      <c r="F125" s="104" t="s">
        <v>50</v>
      </c>
      <c r="G125" s="24" t="s">
        <v>11</v>
      </c>
      <c r="H125" s="9"/>
      <c r="I125" s="72"/>
      <c r="J125" s="59"/>
      <c r="K125" s="4"/>
      <c r="L125" s="127" t="s">
        <v>268</v>
      </c>
      <c r="M125" s="133"/>
      <c r="N125" s="124" t="s">
        <v>352</v>
      </c>
    </row>
    <row r="126" spans="1:14" ht="16.95" customHeight="1" x14ac:dyDescent="0.2">
      <c r="A126" s="99"/>
      <c r="B126" s="102"/>
      <c r="C126" s="105"/>
      <c r="D126" s="108"/>
      <c r="E126" s="105"/>
      <c r="F126" s="105"/>
      <c r="G126" s="25">
        <v>2848117</v>
      </c>
      <c r="H126" s="10" t="s">
        <v>210</v>
      </c>
      <c r="I126" s="73">
        <v>23307</v>
      </c>
      <c r="J126" s="60">
        <v>22947</v>
      </c>
      <c r="K126" s="11">
        <v>21973</v>
      </c>
      <c r="L126" s="128"/>
      <c r="M126" s="105"/>
      <c r="N126" s="119"/>
    </row>
    <row r="127" spans="1:14" ht="16.95" customHeight="1" x14ac:dyDescent="0.2">
      <c r="A127" s="99"/>
      <c r="B127" s="102"/>
      <c r="C127" s="105"/>
      <c r="D127" s="108"/>
      <c r="E127" s="105"/>
      <c r="F127" s="105"/>
      <c r="G127" s="32" t="s">
        <v>51</v>
      </c>
      <c r="H127" s="13" t="s">
        <v>211</v>
      </c>
      <c r="I127" s="74">
        <v>112472</v>
      </c>
      <c r="J127" s="61">
        <v>116328</v>
      </c>
      <c r="K127" s="14">
        <v>111592</v>
      </c>
      <c r="L127" s="128"/>
      <c r="M127" s="105"/>
      <c r="N127" s="119"/>
    </row>
    <row r="128" spans="1:14" ht="16.95" customHeight="1" x14ac:dyDescent="0.2">
      <c r="A128" s="99"/>
      <c r="B128" s="102"/>
      <c r="C128" s="105"/>
      <c r="D128" s="108"/>
      <c r="E128" s="105"/>
      <c r="F128" s="105"/>
      <c r="G128" s="25"/>
      <c r="H128" s="13" t="s">
        <v>212</v>
      </c>
      <c r="I128" s="74">
        <v>130397</v>
      </c>
      <c r="J128" s="61">
        <v>123336</v>
      </c>
      <c r="K128" s="14">
        <v>121658</v>
      </c>
      <c r="L128" s="128"/>
      <c r="M128" s="105"/>
      <c r="N128" s="119"/>
    </row>
    <row r="129" spans="1:14" ht="16.95" customHeight="1" x14ac:dyDescent="0.2">
      <c r="A129" s="99"/>
      <c r="B129" s="102"/>
      <c r="C129" s="105"/>
      <c r="D129" s="108"/>
      <c r="E129" s="105"/>
      <c r="F129" s="105"/>
      <c r="G129" s="25" t="s">
        <v>12</v>
      </c>
      <c r="H129" s="5"/>
      <c r="I129" s="75"/>
      <c r="J129" s="62"/>
      <c r="K129" s="15"/>
      <c r="L129" s="128"/>
      <c r="M129" s="105"/>
      <c r="N129" s="119"/>
    </row>
    <row r="130" spans="1:14" ht="16.95" customHeight="1" x14ac:dyDescent="0.2">
      <c r="A130" s="99"/>
      <c r="B130" s="102"/>
      <c r="C130" s="105"/>
      <c r="D130" s="108"/>
      <c r="E130" s="105"/>
      <c r="F130" s="105"/>
      <c r="G130" s="25">
        <v>765694</v>
      </c>
      <c r="H130" s="5"/>
      <c r="I130" s="75"/>
      <c r="J130" s="62"/>
      <c r="K130" s="15"/>
      <c r="L130" s="128"/>
      <c r="M130" s="105"/>
      <c r="N130" s="119"/>
    </row>
    <row r="131" spans="1:14" ht="16.95" customHeight="1" x14ac:dyDescent="0.2">
      <c r="A131" s="99"/>
      <c r="B131" s="102"/>
      <c r="C131" s="105"/>
      <c r="D131" s="108"/>
      <c r="E131" s="105"/>
      <c r="F131" s="105"/>
      <c r="G131" s="25"/>
      <c r="H131" s="10" t="s">
        <v>213</v>
      </c>
      <c r="I131" s="76">
        <v>-17925</v>
      </c>
      <c r="J131" s="63">
        <v>-7008</v>
      </c>
      <c r="K131" s="16">
        <v>-10066</v>
      </c>
      <c r="L131" s="128"/>
      <c r="M131" s="105"/>
      <c r="N131" s="119"/>
    </row>
    <row r="132" spans="1:14" ht="16.95" customHeight="1" x14ac:dyDescent="0.2">
      <c r="A132" s="99"/>
      <c r="B132" s="102"/>
      <c r="C132" s="105"/>
      <c r="D132" s="108"/>
      <c r="E132" s="105"/>
      <c r="F132" s="105"/>
      <c r="G132" s="25"/>
      <c r="H132" s="13" t="s">
        <v>214</v>
      </c>
      <c r="I132" s="77">
        <v>5.5947569399751149</v>
      </c>
      <c r="J132" s="64">
        <v>5.3748202379396002</v>
      </c>
      <c r="K132" s="17">
        <v>5.5367041368952803</v>
      </c>
      <c r="L132" s="128"/>
      <c r="M132" s="105"/>
      <c r="N132" s="119"/>
    </row>
    <row r="133" spans="1:14" ht="16.95" customHeight="1" x14ac:dyDescent="0.2">
      <c r="A133" s="99"/>
      <c r="B133" s="102"/>
      <c r="C133" s="105"/>
      <c r="D133" s="108"/>
      <c r="E133" s="105"/>
      <c r="F133" s="105"/>
      <c r="G133" s="25"/>
      <c r="H133" s="13" t="s">
        <v>215</v>
      </c>
      <c r="I133" s="77">
        <v>0.76908224996782082</v>
      </c>
      <c r="J133" s="64">
        <v>0.30539939861419796</v>
      </c>
      <c r="K133" s="18">
        <v>0.45810767760433257</v>
      </c>
      <c r="L133" s="128"/>
      <c r="M133" s="105"/>
      <c r="N133" s="119"/>
    </row>
    <row r="134" spans="1:14" ht="16.95" customHeight="1" x14ac:dyDescent="0.2">
      <c r="A134" s="99"/>
      <c r="B134" s="102"/>
      <c r="C134" s="105"/>
      <c r="D134" s="108"/>
      <c r="E134" s="105"/>
      <c r="F134" s="105"/>
      <c r="G134" s="25"/>
      <c r="H134" s="19"/>
      <c r="I134" s="78"/>
      <c r="J134" s="65"/>
      <c r="K134" s="6"/>
      <c r="L134" s="128"/>
      <c r="M134" s="105"/>
      <c r="N134" s="119"/>
    </row>
    <row r="135" spans="1:14" ht="16.95" customHeight="1" x14ac:dyDescent="0.2">
      <c r="A135" s="99"/>
      <c r="B135" s="102"/>
      <c r="C135" s="105"/>
      <c r="D135" s="108"/>
      <c r="E135" s="105"/>
      <c r="F135" s="105"/>
      <c r="G135" s="25"/>
      <c r="H135" s="19"/>
      <c r="I135" s="78"/>
      <c r="J135" s="65"/>
      <c r="K135" s="6"/>
      <c r="L135" s="128"/>
      <c r="M135" s="105"/>
      <c r="N135" s="119"/>
    </row>
    <row r="136" spans="1:14" ht="16.95" customHeight="1" thickBot="1" x14ac:dyDescent="0.25">
      <c r="A136" s="100"/>
      <c r="B136" s="103"/>
      <c r="C136" s="106"/>
      <c r="D136" s="109"/>
      <c r="E136" s="106"/>
      <c r="F136" s="106"/>
      <c r="G136" s="26"/>
      <c r="H136" s="22"/>
      <c r="I136" s="79"/>
      <c r="J136" s="66"/>
      <c r="K136" s="7"/>
      <c r="L136" s="129"/>
      <c r="M136" s="106"/>
      <c r="N136" s="120"/>
    </row>
    <row r="137" spans="1:14" ht="16.95" customHeight="1" thickTop="1" x14ac:dyDescent="0.2">
      <c r="A137" s="98">
        <v>12</v>
      </c>
      <c r="B137" s="101" t="s">
        <v>248</v>
      </c>
      <c r="C137" s="104" t="s">
        <v>52</v>
      </c>
      <c r="D137" s="107" t="s">
        <v>53</v>
      </c>
      <c r="E137" s="104" t="s">
        <v>54</v>
      </c>
      <c r="F137" s="104" t="s">
        <v>55</v>
      </c>
      <c r="G137" s="24" t="s">
        <v>11</v>
      </c>
      <c r="H137" s="9"/>
      <c r="I137" s="72"/>
      <c r="J137" s="59"/>
      <c r="K137" s="4"/>
      <c r="L137" s="127" t="s">
        <v>316</v>
      </c>
      <c r="M137" s="136"/>
      <c r="N137" s="27"/>
    </row>
    <row r="138" spans="1:14" ht="16.95" customHeight="1" x14ac:dyDescent="0.2">
      <c r="A138" s="99"/>
      <c r="B138" s="102"/>
      <c r="C138" s="105"/>
      <c r="D138" s="108"/>
      <c r="E138" s="105"/>
      <c r="F138" s="105"/>
      <c r="G138" s="32" t="s">
        <v>56</v>
      </c>
      <c r="H138" s="10" t="s">
        <v>210</v>
      </c>
      <c r="I138" s="73">
        <v>5337</v>
      </c>
      <c r="J138" s="60">
        <v>5195</v>
      </c>
      <c r="K138" s="11">
        <v>5093</v>
      </c>
      <c r="L138" s="128"/>
      <c r="M138" s="135"/>
      <c r="N138" s="52"/>
    </row>
    <row r="139" spans="1:14" ht="16.95" customHeight="1" x14ac:dyDescent="0.2">
      <c r="A139" s="99"/>
      <c r="B139" s="102"/>
      <c r="C139" s="105"/>
      <c r="D139" s="108"/>
      <c r="E139" s="105"/>
      <c r="F139" s="105"/>
      <c r="G139" s="25"/>
      <c r="H139" s="13" t="s">
        <v>211</v>
      </c>
      <c r="I139" s="74">
        <v>1009</v>
      </c>
      <c r="J139" s="61">
        <v>1024</v>
      </c>
      <c r="K139" s="14">
        <v>963</v>
      </c>
      <c r="L139" s="128"/>
      <c r="M139" s="135"/>
      <c r="N139" s="52"/>
    </row>
    <row r="140" spans="1:14" ht="16.95" customHeight="1" x14ac:dyDescent="0.2">
      <c r="A140" s="99"/>
      <c r="B140" s="102"/>
      <c r="C140" s="105"/>
      <c r="D140" s="108"/>
      <c r="E140" s="105"/>
      <c r="F140" s="105"/>
      <c r="G140" s="25" t="s">
        <v>12</v>
      </c>
      <c r="H140" s="13" t="s">
        <v>212</v>
      </c>
      <c r="I140" s="74">
        <v>21269</v>
      </c>
      <c r="J140" s="61">
        <v>18959</v>
      </c>
      <c r="K140" s="14">
        <v>19436</v>
      </c>
      <c r="L140" s="128"/>
      <c r="M140" s="135"/>
      <c r="N140" s="52"/>
    </row>
    <row r="141" spans="1:14" ht="16.95" customHeight="1" x14ac:dyDescent="0.2">
      <c r="A141" s="99"/>
      <c r="B141" s="102"/>
      <c r="C141" s="105"/>
      <c r="D141" s="108"/>
      <c r="E141" s="105"/>
      <c r="F141" s="105"/>
      <c r="G141" s="32">
        <v>67514</v>
      </c>
      <c r="H141" s="35"/>
      <c r="I141" s="75"/>
      <c r="J141" s="62"/>
      <c r="K141" s="15"/>
      <c r="L141" s="128"/>
      <c r="M141" s="135"/>
      <c r="N141" s="52"/>
    </row>
    <row r="142" spans="1:14" ht="16.95" customHeight="1" x14ac:dyDescent="0.2">
      <c r="A142" s="99"/>
      <c r="B142" s="102"/>
      <c r="C142" s="105"/>
      <c r="D142" s="108"/>
      <c r="E142" s="105"/>
      <c r="F142" s="105"/>
      <c r="G142" s="25"/>
      <c r="H142" s="35"/>
      <c r="I142" s="75"/>
      <c r="J142" s="62"/>
      <c r="K142" s="15"/>
      <c r="L142" s="128"/>
      <c r="M142" s="135"/>
      <c r="N142" s="52"/>
    </row>
    <row r="143" spans="1:14" ht="16.95" customHeight="1" x14ac:dyDescent="0.2">
      <c r="A143" s="99"/>
      <c r="B143" s="102"/>
      <c r="C143" s="105"/>
      <c r="D143" s="108"/>
      <c r="E143" s="105"/>
      <c r="F143" s="105"/>
      <c r="G143" s="25"/>
      <c r="H143" s="10" t="s">
        <v>213</v>
      </c>
      <c r="I143" s="76">
        <v>-20260</v>
      </c>
      <c r="J143" s="63">
        <v>-17935</v>
      </c>
      <c r="K143" s="16">
        <v>-18473</v>
      </c>
      <c r="L143" s="128"/>
      <c r="M143" s="135"/>
      <c r="N143" s="52"/>
    </row>
    <row r="144" spans="1:14" ht="16.95" customHeight="1" x14ac:dyDescent="0.2">
      <c r="A144" s="99"/>
      <c r="B144" s="102"/>
      <c r="C144" s="105"/>
      <c r="D144" s="108"/>
      <c r="E144" s="105"/>
      <c r="F144" s="105"/>
      <c r="G144" s="25"/>
      <c r="H144" s="13" t="s">
        <v>214</v>
      </c>
      <c r="I144" s="77">
        <v>3.9851976765973394</v>
      </c>
      <c r="J144" s="64">
        <v>3.6494706448508181</v>
      </c>
      <c r="K144" s="17">
        <v>3.8162183388965247</v>
      </c>
      <c r="L144" s="128"/>
      <c r="M144" s="135"/>
      <c r="N144" s="52"/>
    </row>
    <row r="145" spans="1:14" ht="16.95" customHeight="1" x14ac:dyDescent="0.2">
      <c r="A145" s="99"/>
      <c r="B145" s="102"/>
      <c r="C145" s="105"/>
      <c r="D145" s="108"/>
      <c r="E145" s="105"/>
      <c r="F145" s="105"/>
      <c r="G145" s="25"/>
      <c r="H145" s="13" t="s">
        <v>215</v>
      </c>
      <c r="I145" s="77">
        <v>3.7961401536443695</v>
      </c>
      <c r="J145" s="64">
        <v>3.4523580365736284</v>
      </c>
      <c r="K145" s="18">
        <v>3.6271352837227568</v>
      </c>
      <c r="L145" s="128"/>
      <c r="M145" s="135"/>
      <c r="N145" s="52"/>
    </row>
    <row r="146" spans="1:14" ht="16.95" customHeight="1" x14ac:dyDescent="0.2">
      <c r="A146" s="99"/>
      <c r="B146" s="102"/>
      <c r="C146" s="105"/>
      <c r="D146" s="108"/>
      <c r="E146" s="105"/>
      <c r="F146" s="105"/>
      <c r="G146" s="25"/>
      <c r="H146" s="19"/>
      <c r="I146" s="78"/>
      <c r="J146" s="65"/>
      <c r="K146" s="6"/>
      <c r="L146" s="128"/>
      <c r="M146" s="135"/>
      <c r="N146" s="52"/>
    </row>
    <row r="147" spans="1:14" ht="16.95" customHeight="1" x14ac:dyDescent="0.2">
      <c r="A147" s="99"/>
      <c r="B147" s="102"/>
      <c r="C147" s="105"/>
      <c r="D147" s="108"/>
      <c r="E147" s="105"/>
      <c r="F147" s="105"/>
      <c r="G147" s="25"/>
      <c r="H147" s="19"/>
      <c r="I147" s="78"/>
      <c r="J147" s="65"/>
      <c r="K147" s="6"/>
      <c r="L147" s="128"/>
      <c r="M147" s="135"/>
      <c r="N147" s="52"/>
    </row>
    <row r="148" spans="1:14" ht="16.95" customHeight="1" thickBot="1" x14ac:dyDescent="0.25">
      <c r="A148" s="100"/>
      <c r="B148" s="103"/>
      <c r="C148" s="106"/>
      <c r="D148" s="109"/>
      <c r="E148" s="106"/>
      <c r="F148" s="106"/>
      <c r="G148" s="26"/>
      <c r="H148" s="22"/>
      <c r="I148" s="79"/>
      <c r="J148" s="66"/>
      <c r="K148" s="7"/>
      <c r="L148" s="129"/>
      <c r="M148" s="135"/>
      <c r="N148" s="52"/>
    </row>
    <row r="149" spans="1:14" ht="16.95" customHeight="1" thickTop="1" x14ac:dyDescent="0.2">
      <c r="A149" s="98">
        <v>13</v>
      </c>
      <c r="B149" s="101" t="s">
        <v>7</v>
      </c>
      <c r="C149" s="104" t="s">
        <v>57</v>
      </c>
      <c r="D149" s="107" t="s">
        <v>53</v>
      </c>
      <c r="E149" s="104" t="s">
        <v>58</v>
      </c>
      <c r="F149" s="139" t="s">
        <v>244</v>
      </c>
      <c r="G149" s="142" t="s">
        <v>335</v>
      </c>
      <c r="H149" s="9"/>
      <c r="I149" s="72"/>
      <c r="J149" s="59"/>
      <c r="K149" s="4"/>
      <c r="L149" s="127" t="s">
        <v>258</v>
      </c>
      <c r="M149" s="101" t="s">
        <v>259</v>
      </c>
      <c r="N149" s="52"/>
    </row>
    <row r="150" spans="1:14" ht="16.95" customHeight="1" x14ac:dyDescent="0.2">
      <c r="A150" s="99"/>
      <c r="B150" s="102"/>
      <c r="C150" s="105"/>
      <c r="D150" s="108"/>
      <c r="E150" s="105"/>
      <c r="F150" s="140"/>
      <c r="G150" s="143"/>
      <c r="H150" s="10" t="s">
        <v>210</v>
      </c>
      <c r="I150" s="73">
        <v>207570</v>
      </c>
      <c r="J150" s="60">
        <v>249458</v>
      </c>
      <c r="K150" s="11">
        <v>199629</v>
      </c>
      <c r="L150" s="128"/>
      <c r="M150" s="102"/>
      <c r="N150" s="52"/>
    </row>
    <row r="151" spans="1:14" ht="16.95" customHeight="1" x14ac:dyDescent="0.2">
      <c r="A151" s="99"/>
      <c r="B151" s="102"/>
      <c r="C151" s="105"/>
      <c r="D151" s="108"/>
      <c r="E151" s="105"/>
      <c r="F151" s="140"/>
      <c r="G151" s="143"/>
      <c r="H151" s="13" t="s">
        <v>211</v>
      </c>
      <c r="I151" s="74">
        <v>7</v>
      </c>
      <c r="J151" s="61">
        <v>3</v>
      </c>
      <c r="K151" s="14">
        <v>15</v>
      </c>
      <c r="L151" s="128"/>
      <c r="M151" s="102"/>
      <c r="N151" s="52"/>
    </row>
    <row r="152" spans="1:14" ht="16.95" customHeight="1" x14ac:dyDescent="0.2">
      <c r="A152" s="99"/>
      <c r="B152" s="102"/>
      <c r="C152" s="105"/>
      <c r="D152" s="108"/>
      <c r="E152" s="105"/>
      <c r="F152" s="140"/>
      <c r="G152" s="143"/>
      <c r="H152" s="13" t="s">
        <v>212</v>
      </c>
      <c r="I152" s="74">
        <v>96178</v>
      </c>
      <c r="J152" s="61">
        <v>94225</v>
      </c>
      <c r="K152" s="14">
        <v>92587</v>
      </c>
      <c r="L152" s="128"/>
      <c r="M152" s="102"/>
      <c r="N152" s="119" t="s">
        <v>353</v>
      </c>
    </row>
    <row r="153" spans="1:14" ht="16.95" customHeight="1" x14ac:dyDescent="0.2">
      <c r="A153" s="99"/>
      <c r="B153" s="102"/>
      <c r="C153" s="105"/>
      <c r="D153" s="108"/>
      <c r="E153" s="105"/>
      <c r="F153" s="140"/>
      <c r="G153" s="143"/>
      <c r="H153" s="35"/>
      <c r="I153" s="75"/>
      <c r="J153" s="67"/>
      <c r="K153" s="15"/>
      <c r="L153" s="128"/>
      <c r="M153" s="102"/>
      <c r="N153" s="119"/>
    </row>
    <row r="154" spans="1:14" ht="16.95" customHeight="1" x14ac:dyDescent="0.2">
      <c r="A154" s="99"/>
      <c r="B154" s="102"/>
      <c r="C154" s="105"/>
      <c r="D154" s="108"/>
      <c r="E154" s="105"/>
      <c r="F154" s="140"/>
      <c r="G154" s="143"/>
      <c r="H154" s="35"/>
      <c r="I154" s="75"/>
      <c r="J154" s="67"/>
      <c r="K154" s="15"/>
      <c r="L154" s="128"/>
      <c r="M154" s="102"/>
      <c r="N154" s="119"/>
    </row>
    <row r="155" spans="1:14" ht="16.95" customHeight="1" x14ac:dyDescent="0.2">
      <c r="A155" s="99"/>
      <c r="B155" s="102"/>
      <c r="C155" s="105"/>
      <c r="D155" s="108"/>
      <c r="E155" s="105"/>
      <c r="F155" s="140"/>
      <c r="G155" s="143" t="s">
        <v>336</v>
      </c>
      <c r="H155" s="10" t="s">
        <v>213</v>
      </c>
      <c r="I155" s="81">
        <v>-96171</v>
      </c>
      <c r="J155" s="63">
        <v>-94222</v>
      </c>
      <c r="K155" s="16">
        <v>-92572</v>
      </c>
      <c r="L155" s="144"/>
      <c r="M155" s="102"/>
      <c r="N155" s="119"/>
    </row>
    <row r="156" spans="1:14" ht="16.95" customHeight="1" x14ac:dyDescent="0.2">
      <c r="A156" s="99"/>
      <c r="B156" s="102"/>
      <c r="C156" s="105"/>
      <c r="D156" s="108"/>
      <c r="E156" s="105"/>
      <c r="F156" s="140"/>
      <c r="G156" s="143"/>
      <c r="H156" s="13" t="s">
        <v>214</v>
      </c>
      <c r="I156" s="77">
        <v>0.46335212217565158</v>
      </c>
      <c r="J156" s="64">
        <v>0.37771889456341345</v>
      </c>
      <c r="K156" s="17">
        <v>0.46379534035636105</v>
      </c>
      <c r="L156" s="144"/>
      <c r="M156" s="102"/>
      <c r="N156" s="119"/>
    </row>
    <row r="157" spans="1:14" ht="16.95" customHeight="1" x14ac:dyDescent="0.2">
      <c r="A157" s="99"/>
      <c r="B157" s="102"/>
      <c r="C157" s="105"/>
      <c r="D157" s="108"/>
      <c r="E157" s="105"/>
      <c r="F157" s="140"/>
      <c r="G157" s="143"/>
      <c r="H157" s="13" t="s">
        <v>215</v>
      </c>
      <c r="I157" s="77">
        <v>0.46331839861251628</v>
      </c>
      <c r="J157" s="64">
        <v>0.37770686849088825</v>
      </c>
      <c r="K157" s="18">
        <v>0.46372020097280453</v>
      </c>
      <c r="L157" s="144"/>
      <c r="M157" s="102"/>
      <c r="N157" s="119"/>
    </row>
    <row r="158" spans="1:14" ht="16.95" customHeight="1" x14ac:dyDescent="0.2">
      <c r="A158" s="99"/>
      <c r="B158" s="102"/>
      <c r="C158" s="105"/>
      <c r="D158" s="108"/>
      <c r="E158" s="105"/>
      <c r="F158" s="140"/>
      <c r="G158" s="143"/>
      <c r="H158" s="19"/>
      <c r="I158" s="78"/>
      <c r="J158" s="65"/>
      <c r="K158" s="6"/>
      <c r="L158" s="128"/>
      <c r="M158" s="102"/>
      <c r="N158" s="126" t="s">
        <v>59</v>
      </c>
    </row>
    <row r="159" spans="1:14" ht="16.95" customHeight="1" x14ac:dyDescent="0.2">
      <c r="A159" s="99"/>
      <c r="B159" s="102"/>
      <c r="C159" s="105"/>
      <c r="D159" s="108"/>
      <c r="E159" s="105"/>
      <c r="F159" s="140"/>
      <c r="G159" s="143"/>
      <c r="H159" s="19"/>
      <c r="I159" s="78"/>
      <c r="J159" s="65"/>
      <c r="K159" s="6"/>
      <c r="L159" s="128"/>
      <c r="M159" s="102"/>
      <c r="N159" s="126"/>
    </row>
    <row r="160" spans="1:14" ht="16.95" customHeight="1" thickBot="1" x14ac:dyDescent="0.25">
      <c r="A160" s="100"/>
      <c r="B160" s="103"/>
      <c r="C160" s="106"/>
      <c r="D160" s="109"/>
      <c r="E160" s="106"/>
      <c r="F160" s="141"/>
      <c r="G160" s="145"/>
      <c r="H160" s="22"/>
      <c r="I160" s="79"/>
      <c r="J160" s="66"/>
      <c r="K160" s="7"/>
      <c r="L160" s="129"/>
      <c r="M160" s="103"/>
      <c r="N160" s="126"/>
    </row>
    <row r="161" spans="1:14" ht="16.95" customHeight="1" thickTop="1" x14ac:dyDescent="0.2">
      <c r="A161" s="99">
        <v>14</v>
      </c>
      <c r="B161" s="101" t="s">
        <v>60</v>
      </c>
      <c r="C161" s="104" t="s">
        <v>61</v>
      </c>
      <c r="D161" s="107" t="s">
        <v>53</v>
      </c>
      <c r="E161" s="104" t="s">
        <v>62</v>
      </c>
      <c r="F161" s="104" t="s">
        <v>63</v>
      </c>
      <c r="G161" s="8" t="s">
        <v>11</v>
      </c>
      <c r="H161" s="9"/>
      <c r="I161" s="72"/>
      <c r="J161" s="59"/>
      <c r="K161" s="4"/>
      <c r="L161" s="127" t="s">
        <v>322</v>
      </c>
      <c r="M161" s="126"/>
      <c r="N161" s="126" t="s">
        <v>64</v>
      </c>
    </row>
    <row r="162" spans="1:14" ht="16.95" customHeight="1" x14ac:dyDescent="0.2">
      <c r="A162" s="99"/>
      <c r="B162" s="102"/>
      <c r="C162" s="105"/>
      <c r="D162" s="108"/>
      <c r="E162" s="105"/>
      <c r="F162" s="105"/>
      <c r="G162" s="32" t="s">
        <v>56</v>
      </c>
      <c r="H162" s="28"/>
      <c r="I162" s="80"/>
      <c r="J162" s="68"/>
      <c r="K162" s="6"/>
      <c r="L162" s="128"/>
      <c r="M162" s="126"/>
      <c r="N162" s="126"/>
    </row>
    <row r="163" spans="1:14" ht="16.95" customHeight="1" x14ac:dyDescent="0.2">
      <c r="A163" s="99"/>
      <c r="B163" s="102"/>
      <c r="C163" s="105"/>
      <c r="D163" s="108"/>
      <c r="E163" s="105"/>
      <c r="F163" s="105"/>
      <c r="G163" s="12"/>
      <c r="H163" s="28"/>
      <c r="I163" s="80"/>
      <c r="J163" s="68"/>
      <c r="K163" s="6"/>
      <c r="L163" s="128"/>
      <c r="M163" s="126"/>
      <c r="N163" s="126"/>
    </row>
    <row r="164" spans="1:14" ht="16.95" customHeight="1" x14ac:dyDescent="0.2">
      <c r="A164" s="99"/>
      <c r="B164" s="102"/>
      <c r="C164" s="105"/>
      <c r="D164" s="108"/>
      <c r="E164" s="105"/>
      <c r="F164" s="105"/>
      <c r="G164" s="12" t="s">
        <v>12</v>
      </c>
      <c r="H164" s="28"/>
      <c r="I164" s="80"/>
      <c r="J164" s="68"/>
      <c r="K164" s="6"/>
      <c r="L164" s="128"/>
      <c r="M164" s="126"/>
      <c r="N164" s="126"/>
    </row>
    <row r="165" spans="1:14" ht="16.95" customHeight="1" x14ac:dyDescent="0.2">
      <c r="A165" s="99"/>
      <c r="B165" s="102"/>
      <c r="C165" s="105"/>
      <c r="D165" s="108"/>
      <c r="E165" s="105"/>
      <c r="F165" s="105"/>
      <c r="G165" s="39">
        <v>79370</v>
      </c>
      <c r="H165" s="28"/>
      <c r="I165" s="80"/>
      <c r="J165" s="68"/>
      <c r="K165" s="6"/>
      <c r="L165" s="128"/>
      <c r="M165" s="126"/>
      <c r="N165" s="126"/>
    </row>
    <row r="166" spans="1:14" ht="16.95" customHeight="1" x14ac:dyDescent="0.2">
      <c r="A166" s="99"/>
      <c r="B166" s="102"/>
      <c r="C166" s="105"/>
      <c r="D166" s="108"/>
      <c r="E166" s="105"/>
      <c r="F166" s="105"/>
      <c r="G166" s="12"/>
      <c r="H166" s="28"/>
      <c r="I166" s="80"/>
      <c r="J166" s="68"/>
      <c r="K166" s="6"/>
      <c r="L166" s="128"/>
      <c r="M166" s="126"/>
      <c r="N166" s="126"/>
    </row>
    <row r="167" spans="1:14" ht="16.95" customHeight="1" x14ac:dyDescent="0.2">
      <c r="A167" s="99"/>
      <c r="B167" s="102"/>
      <c r="C167" s="105"/>
      <c r="D167" s="108"/>
      <c r="E167" s="105"/>
      <c r="F167" s="105"/>
      <c r="G167" s="12"/>
      <c r="H167" s="28"/>
      <c r="I167" s="80"/>
      <c r="J167" s="68"/>
      <c r="K167" s="6"/>
      <c r="L167" s="128"/>
      <c r="M167" s="36"/>
      <c r="N167" s="52"/>
    </row>
    <row r="168" spans="1:14" ht="16.95" customHeight="1" x14ac:dyDescent="0.2">
      <c r="A168" s="99"/>
      <c r="B168" s="102"/>
      <c r="C168" s="105"/>
      <c r="D168" s="108"/>
      <c r="E168" s="105"/>
      <c r="F168" s="105"/>
      <c r="G168" s="12"/>
      <c r="H168" s="28"/>
      <c r="I168" s="80"/>
      <c r="J168" s="68"/>
      <c r="K168" s="6"/>
      <c r="L168" s="128"/>
      <c r="M168" s="36"/>
      <c r="N168" s="52"/>
    </row>
    <row r="169" spans="1:14" ht="16.95" customHeight="1" x14ac:dyDescent="0.2">
      <c r="A169" s="99"/>
      <c r="B169" s="102"/>
      <c r="C169" s="105"/>
      <c r="D169" s="108"/>
      <c r="E169" s="105"/>
      <c r="F169" s="105"/>
      <c r="G169" s="12"/>
      <c r="H169" s="10" t="s">
        <v>210</v>
      </c>
      <c r="I169" s="73">
        <v>358187</v>
      </c>
      <c r="J169" s="60">
        <v>373330</v>
      </c>
      <c r="K169" s="11">
        <v>412148</v>
      </c>
      <c r="L169" s="128"/>
      <c r="M169" s="36"/>
      <c r="N169" s="52"/>
    </row>
    <row r="170" spans="1:14" ht="16.95" customHeight="1" x14ac:dyDescent="0.2">
      <c r="A170" s="99"/>
      <c r="B170" s="102"/>
      <c r="C170" s="105"/>
      <c r="D170" s="108"/>
      <c r="E170" s="105"/>
      <c r="F170" s="105"/>
      <c r="G170" s="12"/>
      <c r="H170" s="13" t="s">
        <v>211</v>
      </c>
      <c r="I170" s="74">
        <v>25257</v>
      </c>
      <c r="J170" s="61">
        <v>23073</v>
      </c>
      <c r="K170" s="14">
        <v>23482</v>
      </c>
      <c r="L170" s="128"/>
      <c r="M170" s="36"/>
      <c r="N170" s="52"/>
    </row>
    <row r="171" spans="1:14" ht="16.95" customHeight="1" x14ac:dyDescent="0.2">
      <c r="A171" s="99"/>
      <c r="B171" s="102"/>
      <c r="C171" s="105"/>
      <c r="D171" s="108"/>
      <c r="E171" s="105"/>
      <c r="F171" s="105"/>
      <c r="G171" s="12"/>
      <c r="H171" s="13" t="s">
        <v>212</v>
      </c>
      <c r="I171" s="74">
        <v>71004</v>
      </c>
      <c r="J171" s="61">
        <v>69519</v>
      </c>
      <c r="K171" s="14">
        <v>71442</v>
      </c>
      <c r="L171" s="128"/>
      <c r="M171" s="36"/>
      <c r="N171" s="52"/>
    </row>
    <row r="172" spans="1:14" ht="16.95" customHeight="1" thickBot="1" x14ac:dyDescent="0.25">
      <c r="A172" s="100"/>
      <c r="B172" s="103"/>
      <c r="C172" s="106"/>
      <c r="D172" s="109"/>
      <c r="E172" s="106"/>
      <c r="F172" s="106"/>
      <c r="G172" s="21"/>
      <c r="H172" s="5"/>
      <c r="I172" s="75"/>
      <c r="J172" s="67"/>
      <c r="K172" s="15"/>
      <c r="L172" s="128"/>
      <c r="M172" s="36"/>
      <c r="N172" s="52"/>
    </row>
    <row r="173" spans="1:14" ht="16.95" customHeight="1" thickTop="1" x14ac:dyDescent="0.2">
      <c r="A173" s="98">
        <v>15</v>
      </c>
      <c r="B173" s="102" t="s">
        <v>60</v>
      </c>
      <c r="C173" s="105" t="s">
        <v>65</v>
      </c>
      <c r="D173" s="108" t="s">
        <v>9</v>
      </c>
      <c r="E173" s="105" t="s">
        <v>62</v>
      </c>
      <c r="F173" s="105" t="s">
        <v>66</v>
      </c>
      <c r="G173" s="12" t="s">
        <v>11</v>
      </c>
      <c r="H173" s="5"/>
      <c r="I173" s="75"/>
      <c r="J173" s="67"/>
      <c r="K173" s="15"/>
      <c r="L173" s="128"/>
      <c r="M173" s="36"/>
      <c r="N173" s="52"/>
    </row>
    <row r="174" spans="1:14" ht="16.95" customHeight="1" x14ac:dyDescent="0.2">
      <c r="A174" s="99"/>
      <c r="B174" s="102"/>
      <c r="C174" s="105"/>
      <c r="D174" s="108"/>
      <c r="E174" s="105"/>
      <c r="F174" s="105"/>
      <c r="G174" s="32" t="s">
        <v>56</v>
      </c>
      <c r="H174" s="10" t="s">
        <v>213</v>
      </c>
      <c r="I174" s="76">
        <v>-45747</v>
      </c>
      <c r="J174" s="63">
        <v>-46446</v>
      </c>
      <c r="K174" s="16">
        <v>-47960</v>
      </c>
      <c r="L174" s="128"/>
      <c r="M174" s="36"/>
      <c r="N174" s="52"/>
    </row>
    <row r="175" spans="1:14" ht="16.95" customHeight="1" x14ac:dyDescent="0.2">
      <c r="A175" s="99"/>
      <c r="B175" s="102"/>
      <c r="C175" s="105"/>
      <c r="D175" s="108"/>
      <c r="E175" s="105"/>
      <c r="F175" s="105"/>
      <c r="G175" s="12"/>
      <c r="H175" s="13" t="s">
        <v>214</v>
      </c>
      <c r="I175" s="77">
        <v>0.19823164994821141</v>
      </c>
      <c r="J175" s="64">
        <v>0.18621326976133715</v>
      </c>
      <c r="K175" s="17">
        <v>0.17334064462280541</v>
      </c>
      <c r="L175" s="128"/>
      <c r="M175" s="36"/>
      <c r="N175" s="52"/>
    </row>
    <row r="176" spans="1:14" ht="16.95" customHeight="1" x14ac:dyDescent="0.2">
      <c r="A176" s="99"/>
      <c r="B176" s="102"/>
      <c r="C176" s="105"/>
      <c r="D176" s="108"/>
      <c r="E176" s="105"/>
      <c r="F176" s="105"/>
      <c r="G176" s="12" t="s">
        <v>12</v>
      </c>
      <c r="H176" s="13" t="s">
        <v>215</v>
      </c>
      <c r="I176" s="77">
        <v>0.12771820306152931</v>
      </c>
      <c r="J176" s="64">
        <v>0.12441003937535157</v>
      </c>
      <c r="K176" s="18">
        <v>0.11636596562399915</v>
      </c>
      <c r="L176" s="128"/>
      <c r="M176" s="36"/>
      <c r="N176" s="52"/>
    </row>
    <row r="177" spans="1:14" ht="16.95" customHeight="1" x14ac:dyDescent="0.2">
      <c r="A177" s="99"/>
      <c r="B177" s="102"/>
      <c r="C177" s="105"/>
      <c r="D177" s="108"/>
      <c r="E177" s="105"/>
      <c r="F177" s="105"/>
      <c r="G177" s="39">
        <v>6936</v>
      </c>
      <c r="H177" s="30" t="s">
        <v>219</v>
      </c>
      <c r="I177" s="78"/>
      <c r="J177" s="65"/>
      <c r="K177" s="6"/>
      <c r="L177" s="128"/>
      <c r="M177" s="36"/>
      <c r="N177" s="52"/>
    </row>
    <row r="178" spans="1:14" ht="16.95" customHeight="1" x14ac:dyDescent="0.2">
      <c r="A178" s="99"/>
      <c r="B178" s="102"/>
      <c r="C178" s="105"/>
      <c r="D178" s="108"/>
      <c r="E178" s="105"/>
      <c r="F178" s="105"/>
      <c r="G178" s="25"/>
      <c r="H178" s="30"/>
      <c r="I178" s="78"/>
      <c r="J178" s="65"/>
      <c r="K178" s="6"/>
      <c r="L178" s="128"/>
      <c r="M178" s="36"/>
      <c r="N178" s="52"/>
    </row>
    <row r="179" spans="1:14" ht="16.95" customHeight="1" x14ac:dyDescent="0.2">
      <c r="A179" s="99"/>
      <c r="B179" s="102"/>
      <c r="C179" s="105"/>
      <c r="D179" s="108"/>
      <c r="E179" s="105"/>
      <c r="F179" s="105"/>
      <c r="G179" s="25"/>
      <c r="H179" s="29"/>
      <c r="I179" s="80"/>
      <c r="J179" s="68"/>
      <c r="K179" s="6"/>
      <c r="L179" s="128"/>
      <c r="M179" s="36"/>
      <c r="N179" s="52"/>
    </row>
    <row r="180" spans="1:14" ht="16.95" customHeight="1" x14ac:dyDescent="0.2">
      <c r="A180" s="99"/>
      <c r="B180" s="102"/>
      <c r="C180" s="105"/>
      <c r="D180" s="108"/>
      <c r="E180" s="105"/>
      <c r="F180" s="105"/>
      <c r="G180" s="25"/>
      <c r="H180" s="28"/>
      <c r="I180" s="80"/>
      <c r="J180" s="68"/>
      <c r="K180" s="6"/>
      <c r="L180" s="128"/>
      <c r="M180" s="36"/>
      <c r="N180" s="52"/>
    </row>
    <row r="181" spans="1:14" ht="16.95" customHeight="1" x14ac:dyDescent="0.2">
      <c r="A181" s="99"/>
      <c r="B181" s="102"/>
      <c r="C181" s="105"/>
      <c r="D181" s="108"/>
      <c r="E181" s="105"/>
      <c r="F181" s="105"/>
      <c r="G181" s="25"/>
      <c r="H181" s="28"/>
      <c r="I181" s="80"/>
      <c r="J181" s="68"/>
      <c r="K181" s="6"/>
      <c r="L181" s="128"/>
      <c r="M181" s="36"/>
      <c r="N181" s="52"/>
    </row>
    <row r="182" spans="1:14" ht="16.95" customHeight="1" x14ac:dyDescent="0.2">
      <c r="A182" s="99"/>
      <c r="B182" s="102"/>
      <c r="C182" s="105"/>
      <c r="D182" s="108"/>
      <c r="E182" s="105"/>
      <c r="F182" s="105"/>
      <c r="G182" s="25"/>
      <c r="H182" s="28"/>
      <c r="I182" s="80"/>
      <c r="J182" s="68"/>
      <c r="K182" s="6"/>
      <c r="L182" s="128"/>
      <c r="M182" s="36"/>
      <c r="N182" s="52"/>
    </row>
    <row r="183" spans="1:14" ht="16.95" customHeight="1" x14ac:dyDescent="0.2">
      <c r="A183" s="99"/>
      <c r="B183" s="102"/>
      <c r="C183" s="105"/>
      <c r="D183" s="108"/>
      <c r="E183" s="105"/>
      <c r="F183" s="105"/>
      <c r="G183" s="25"/>
      <c r="H183" s="28"/>
      <c r="I183" s="80"/>
      <c r="J183" s="68"/>
      <c r="K183" s="6"/>
      <c r="L183" s="128"/>
      <c r="M183" s="36"/>
      <c r="N183" s="52"/>
    </row>
    <row r="184" spans="1:14" ht="16.8" customHeight="1" thickBot="1" x14ac:dyDescent="0.25">
      <c r="A184" s="100"/>
      <c r="B184" s="103"/>
      <c r="C184" s="106"/>
      <c r="D184" s="109"/>
      <c r="E184" s="106"/>
      <c r="F184" s="106"/>
      <c r="G184" s="26"/>
      <c r="H184" s="28"/>
      <c r="I184" s="80"/>
      <c r="J184" s="68"/>
      <c r="K184" s="7"/>
      <c r="L184" s="129"/>
      <c r="M184" s="37"/>
      <c r="N184" s="53"/>
    </row>
    <row r="185" spans="1:14" ht="16.95" customHeight="1" thickTop="1" x14ac:dyDescent="0.2">
      <c r="A185" s="98">
        <v>16</v>
      </c>
      <c r="B185" s="101" t="s">
        <v>60</v>
      </c>
      <c r="C185" s="104" t="s">
        <v>67</v>
      </c>
      <c r="D185" s="107" t="s">
        <v>68</v>
      </c>
      <c r="E185" s="104" t="s">
        <v>69</v>
      </c>
      <c r="F185" s="104" t="s">
        <v>70</v>
      </c>
      <c r="G185" s="24" t="s">
        <v>11</v>
      </c>
      <c r="H185" s="9"/>
      <c r="I185" s="72"/>
      <c r="J185" s="59"/>
      <c r="K185" s="6"/>
      <c r="L185" s="127" t="s">
        <v>317</v>
      </c>
      <c r="M185" s="38"/>
      <c r="N185" s="27"/>
    </row>
    <row r="186" spans="1:14" ht="16.95" customHeight="1" x14ac:dyDescent="0.2">
      <c r="A186" s="99"/>
      <c r="B186" s="102"/>
      <c r="C186" s="105"/>
      <c r="D186" s="108"/>
      <c r="E186" s="105"/>
      <c r="F186" s="105"/>
      <c r="G186" s="125" t="s">
        <v>71</v>
      </c>
      <c r="H186" s="28"/>
      <c r="I186" s="80"/>
      <c r="J186" s="68"/>
      <c r="K186" s="6"/>
      <c r="L186" s="128"/>
      <c r="M186" s="36"/>
      <c r="N186" s="52"/>
    </row>
    <row r="187" spans="1:14" ht="16.95" customHeight="1" x14ac:dyDescent="0.2">
      <c r="A187" s="99"/>
      <c r="B187" s="102"/>
      <c r="C187" s="105"/>
      <c r="D187" s="108"/>
      <c r="E187" s="105"/>
      <c r="F187" s="105"/>
      <c r="G187" s="125"/>
      <c r="H187" s="28"/>
      <c r="I187" s="80"/>
      <c r="J187" s="68"/>
      <c r="K187" s="6"/>
      <c r="L187" s="128"/>
      <c r="M187" s="36"/>
      <c r="N187" s="52"/>
    </row>
    <row r="188" spans="1:14" ht="16.95" customHeight="1" x14ac:dyDescent="0.2">
      <c r="A188" s="99"/>
      <c r="B188" s="102"/>
      <c r="C188" s="105"/>
      <c r="D188" s="108"/>
      <c r="E188" s="105"/>
      <c r="F188" s="105"/>
      <c r="G188" s="25" t="s">
        <v>12</v>
      </c>
      <c r="H188" s="28"/>
      <c r="I188" s="80"/>
      <c r="J188" s="68"/>
      <c r="K188" s="6"/>
      <c r="L188" s="128"/>
      <c r="M188" s="36"/>
      <c r="N188" s="52"/>
    </row>
    <row r="189" spans="1:14" ht="16.95" customHeight="1" x14ac:dyDescent="0.2">
      <c r="A189" s="99"/>
      <c r="B189" s="102"/>
      <c r="C189" s="105"/>
      <c r="D189" s="108"/>
      <c r="E189" s="105"/>
      <c r="F189" s="105"/>
      <c r="G189" s="135" t="s">
        <v>72</v>
      </c>
      <c r="H189" s="28"/>
      <c r="I189" s="80"/>
      <c r="J189" s="68"/>
      <c r="K189" s="6"/>
      <c r="L189" s="128"/>
      <c r="M189" s="36"/>
      <c r="N189" s="52"/>
    </row>
    <row r="190" spans="1:14" ht="16.95" customHeight="1" x14ac:dyDescent="0.2">
      <c r="A190" s="99"/>
      <c r="B190" s="102"/>
      <c r="C190" s="105"/>
      <c r="D190" s="108"/>
      <c r="E190" s="105"/>
      <c r="F190" s="105"/>
      <c r="G190" s="135"/>
      <c r="H190" s="28"/>
      <c r="I190" s="80"/>
      <c r="J190" s="68"/>
      <c r="K190" s="6"/>
      <c r="L190" s="128"/>
      <c r="M190" s="146"/>
      <c r="N190" s="119" t="s">
        <v>354</v>
      </c>
    </row>
    <row r="191" spans="1:14" ht="16.95" customHeight="1" x14ac:dyDescent="0.2">
      <c r="A191" s="99"/>
      <c r="B191" s="102"/>
      <c r="C191" s="105"/>
      <c r="D191" s="108"/>
      <c r="E191" s="105"/>
      <c r="F191" s="105"/>
      <c r="G191" s="135"/>
      <c r="H191" s="28"/>
      <c r="I191" s="80"/>
      <c r="J191" s="68"/>
      <c r="K191" s="6"/>
      <c r="L191" s="128"/>
      <c r="M191" s="108"/>
      <c r="N191" s="119"/>
    </row>
    <row r="192" spans="1:14" ht="16.95" customHeight="1" x14ac:dyDescent="0.2">
      <c r="A192" s="99"/>
      <c r="B192" s="102"/>
      <c r="C192" s="105"/>
      <c r="D192" s="108"/>
      <c r="E192" s="105"/>
      <c r="F192" s="105"/>
      <c r="G192" s="25"/>
      <c r="H192" s="28"/>
      <c r="I192" s="80"/>
      <c r="J192" s="68"/>
      <c r="K192" s="6"/>
      <c r="L192" s="128"/>
      <c r="M192" s="108"/>
      <c r="N192" s="119"/>
    </row>
    <row r="193" spans="1:14" ht="16.95" customHeight="1" x14ac:dyDescent="0.2">
      <c r="A193" s="99"/>
      <c r="B193" s="102"/>
      <c r="C193" s="105"/>
      <c r="D193" s="108"/>
      <c r="E193" s="105"/>
      <c r="F193" s="105"/>
      <c r="G193" s="25"/>
      <c r="H193" s="10" t="s">
        <v>210</v>
      </c>
      <c r="I193" s="73">
        <v>227270</v>
      </c>
      <c r="J193" s="60">
        <v>225067</v>
      </c>
      <c r="K193" s="11">
        <v>232765</v>
      </c>
      <c r="L193" s="128"/>
      <c r="M193" s="108"/>
      <c r="N193" s="119"/>
    </row>
    <row r="194" spans="1:14" ht="16.95" customHeight="1" x14ac:dyDescent="0.2">
      <c r="A194" s="99"/>
      <c r="B194" s="102"/>
      <c r="C194" s="105"/>
      <c r="D194" s="108"/>
      <c r="E194" s="105"/>
      <c r="F194" s="105"/>
      <c r="G194" s="25"/>
      <c r="H194" s="13" t="s">
        <v>211</v>
      </c>
      <c r="I194" s="74">
        <v>0</v>
      </c>
      <c r="J194" s="61">
        <v>0</v>
      </c>
      <c r="K194" s="14">
        <v>0</v>
      </c>
      <c r="L194" s="128"/>
      <c r="M194" s="108"/>
      <c r="N194" s="119"/>
    </row>
    <row r="195" spans="1:14" ht="16.95" customHeight="1" x14ac:dyDescent="0.2">
      <c r="A195" s="99"/>
      <c r="B195" s="102"/>
      <c r="C195" s="105"/>
      <c r="D195" s="108"/>
      <c r="E195" s="105"/>
      <c r="F195" s="105"/>
      <c r="G195" s="25"/>
      <c r="H195" s="13" t="s">
        <v>212</v>
      </c>
      <c r="I195" s="74">
        <v>45469</v>
      </c>
      <c r="J195" s="61">
        <v>45120</v>
      </c>
      <c r="K195" s="14">
        <v>45856</v>
      </c>
      <c r="L195" s="128"/>
      <c r="M195" s="108"/>
      <c r="N195" s="119"/>
    </row>
    <row r="196" spans="1:14" ht="16.95" customHeight="1" thickBot="1" x14ac:dyDescent="0.25">
      <c r="A196" s="100"/>
      <c r="B196" s="103"/>
      <c r="C196" s="106"/>
      <c r="D196" s="109"/>
      <c r="E196" s="106"/>
      <c r="F196" s="106"/>
      <c r="G196" s="26"/>
      <c r="H196" s="5"/>
      <c r="I196" s="75"/>
      <c r="J196" s="67"/>
      <c r="K196" s="15"/>
      <c r="L196" s="128"/>
      <c r="M196" s="108"/>
      <c r="N196" s="119"/>
    </row>
    <row r="197" spans="1:14" ht="16.95" customHeight="1" thickTop="1" x14ac:dyDescent="0.2">
      <c r="A197" s="98">
        <v>17</v>
      </c>
      <c r="B197" s="101" t="s">
        <v>60</v>
      </c>
      <c r="C197" s="104" t="s">
        <v>73</v>
      </c>
      <c r="D197" s="107" t="s">
        <v>74</v>
      </c>
      <c r="E197" s="104" t="s">
        <v>69</v>
      </c>
      <c r="F197" s="104" t="s">
        <v>75</v>
      </c>
      <c r="G197" s="24" t="s">
        <v>11</v>
      </c>
      <c r="H197" s="5"/>
      <c r="I197" s="75"/>
      <c r="J197" s="67"/>
      <c r="K197" s="15"/>
      <c r="L197" s="128" t="s">
        <v>318</v>
      </c>
      <c r="M197" s="126"/>
      <c r="N197" s="126" t="s">
        <v>76</v>
      </c>
    </row>
    <row r="198" spans="1:14" ht="16.95" customHeight="1" x14ac:dyDescent="0.2">
      <c r="A198" s="99"/>
      <c r="B198" s="102"/>
      <c r="C198" s="105"/>
      <c r="D198" s="108"/>
      <c r="E198" s="105"/>
      <c r="F198" s="105"/>
      <c r="G198" s="25">
        <v>276</v>
      </c>
      <c r="H198" s="10" t="s">
        <v>213</v>
      </c>
      <c r="I198" s="76">
        <v>-45469</v>
      </c>
      <c r="J198" s="63">
        <v>-45120</v>
      </c>
      <c r="K198" s="16">
        <v>-45856</v>
      </c>
      <c r="L198" s="128"/>
      <c r="M198" s="126"/>
      <c r="N198" s="126"/>
    </row>
    <row r="199" spans="1:14" ht="16.95" customHeight="1" x14ac:dyDescent="0.2">
      <c r="A199" s="99"/>
      <c r="B199" s="102"/>
      <c r="C199" s="105"/>
      <c r="D199" s="108"/>
      <c r="E199" s="105"/>
      <c r="F199" s="105"/>
      <c r="G199" s="25"/>
      <c r="H199" s="13" t="s">
        <v>214</v>
      </c>
      <c r="I199" s="77">
        <v>0.20006600079200951</v>
      </c>
      <c r="J199" s="64">
        <v>0.20047363673928209</v>
      </c>
      <c r="K199" s="17">
        <v>0.1970055635512212</v>
      </c>
      <c r="L199" s="128"/>
      <c r="M199" s="126"/>
      <c r="N199" s="126"/>
    </row>
    <row r="200" spans="1:14" ht="16.95" customHeight="1" x14ac:dyDescent="0.2">
      <c r="A200" s="99"/>
      <c r="B200" s="102"/>
      <c r="C200" s="105"/>
      <c r="D200" s="108"/>
      <c r="E200" s="105"/>
      <c r="F200" s="105"/>
      <c r="G200" s="25" t="s">
        <v>12</v>
      </c>
      <c r="H200" s="13" t="s">
        <v>215</v>
      </c>
      <c r="I200" s="77">
        <v>0.20006600079200951</v>
      </c>
      <c r="J200" s="64">
        <v>0.20047363673928209</v>
      </c>
      <c r="K200" s="18">
        <v>0.1970055635512212</v>
      </c>
      <c r="L200" s="128"/>
      <c r="M200" s="126"/>
      <c r="N200" s="126" t="s">
        <v>77</v>
      </c>
    </row>
    <row r="201" spans="1:14" ht="16.95" customHeight="1" x14ac:dyDescent="0.2">
      <c r="A201" s="99"/>
      <c r="B201" s="102"/>
      <c r="C201" s="105"/>
      <c r="D201" s="108"/>
      <c r="E201" s="105"/>
      <c r="F201" s="105"/>
      <c r="G201" s="25">
        <v>16817</v>
      </c>
      <c r="H201" s="30" t="s">
        <v>219</v>
      </c>
      <c r="I201" s="78"/>
      <c r="J201" s="65"/>
      <c r="K201" s="6"/>
      <c r="L201" s="128"/>
      <c r="M201" s="126"/>
      <c r="N201" s="126"/>
    </row>
    <row r="202" spans="1:14" ht="16.95" customHeight="1" x14ac:dyDescent="0.2">
      <c r="A202" s="99"/>
      <c r="B202" s="102"/>
      <c r="C202" s="105"/>
      <c r="D202" s="108"/>
      <c r="E202" s="105"/>
      <c r="F202" s="105"/>
      <c r="G202" s="25"/>
      <c r="H202" s="30"/>
      <c r="I202" s="78"/>
      <c r="J202" s="65"/>
      <c r="K202" s="6"/>
      <c r="L202" s="128"/>
      <c r="M202" s="126"/>
      <c r="N202" s="126"/>
    </row>
    <row r="203" spans="1:14" ht="16.95" customHeight="1" x14ac:dyDescent="0.2">
      <c r="A203" s="99"/>
      <c r="B203" s="102"/>
      <c r="C203" s="105"/>
      <c r="D203" s="108"/>
      <c r="E203" s="105"/>
      <c r="F203" s="105"/>
      <c r="G203" s="25"/>
      <c r="H203" s="30"/>
      <c r="I203" s="78"/>
      <c r="J203" s="65"/>
      <c r="K203" s="6"/>
      <c r="L203" s="128"/>
      <c r="M203" s="126"/>
      <c r="N203" s="126"/>
    </row>
    <row r="204" spans="1:14" ht="16.95" customHeight="1" x14ac:dyDescent="0.2">
      <c r="A204" s="99"/>
      <c r="B204" s="102"/>
      <c r="C204" s="105"/>
      <c r="D204" s="108"/>
      <c r="E204" s="105"/>
      <c r="F204" s="105"/>
      <c r="G204" s="25"/>
      <c r="H204" s="30"/>
      <c r="I204" s="78"/>
      <c r="J204" s="65"/>
      <c r="K204" s="6"/>
      <c r="L204" s="128"/>
      <c r="M204" s="36"/>
      <c r="N204" s="52"/>
    </row>
    <row r="205" spans="1:14" ht="16.95" customHeight="1" x14ac:dyDescent="0.2">
      <c r="A205" s="99"/>
      <c r="B205" s="102"/>
      <c r="C205" s="105"/>
      <c r="D205" s="108"/>
      <c r="E205" s="105"/>
      <c r="F205" s="105"/>
      <c r="G205" s="25"/>
      <c r="H205" s="30"/>
      <c r="I205" s="78"/>
      <c r="J205" s="65"/>
      <c r="K205" s="6"/>
      <c r="L205" s="128"/>
      <c r="M205" s="36"/>
      <c r="N205" s="52"/>
    </row>
    <row r="206" spans="1:14" ht="16.95" customHeight="1" x14ac:dyDescent="0.2">
      <c r="A206" s="99"/>
      <c r="B206" s="102"/>
      <c r="C206" s="105"/>
      <c r="D206" s="108"/>
      <c r="E206" s="105"/>
      <c r="F206" s="105"/>
      <c r="G206" s="25"/>
      <c r="H206" s="30"/>
      <c r="I206" s="78"/>
      <c r="J206" s="65"/>
      <c r="K206" s="6"/>
      <c r="L206" s="128"/>
      <c r="M206" s="36"/>
      <c r="N206" s="52"/>
    </row>
    <row r="207" spans="1:14" ht="16.95" customHeight="1" x14ac:dyDescent="0.2">
      <c r="A207" s="99"/>
      <c r="B207" s="102"/>
      <c r="C207" s="105"/>
      <c r="D207" s="108"/>
      <c r="E207" s="105"/>
      <c r="F207" s="105"/>
      <c r="G207" s="25"/>
      <c r="H207" s="30"/>
      <c r="I207" s="78"/>
      <c r="J207" s="65"/>
      <c r="K207" s="6"/>
      <c r="L207" s="128"/>
      <c r="M207" s="36"/>
      <c r="N207" s="52"/>
    </row>
    <row r="208" spans="1:14" ht="16.95" customHeight="1" thickBot="1" x14ac:dyDescent="0.25">
      <c r="A208" s="100"/>
      <c r="B208" s="103"/>
      <c r="C208" s="106"/>
      <c r="D208" s="109"/>
      <c r="E208" s="106"/>
      <c r="F208" s="106"/>
      <c r="G208" s="26"/>
      <c r="H208" s="31"/>
      <c r="I208" s="79"/>
      <c r="J208" s="66"/>
      <c r="K208" s="6"/>
      <c r="L208" s="129"/>
      <c r="M208" s="37"/>
      <c r="N208" s="53"/>
    </row>
    <row r="209" spans="1:14" ht="16.95" customHeight="1" thickTop="1" x14ac:dyDescent="0.2">
      <c r="A209" s="98">
        <v>18</v>
      </c>
      <c r="B209" s="101" t="s">
        <v>60</v>
      </c>
      <c r="C209" s="104" t="s">
        <v>78</v>
      </c>
      <c r="D209" s="107" t="s">
        <v>79</v>
      </c>
      <c r="E209" s="104" t="s">
        <v>337</v>
      </c>
      <c r="F209" s="104" t="s">
        <v>80</v>
      </c>
      <c r="G209" s="24" t="s">
        <v>11</v>
      </c>
      <c r="H209" s="9"/>
      <c r="I209" s="72"/>
      <c r="J209" s="59"/>
      <c r="K209" s="4"/>
      <c r="L209" s="127" t="s">
        <v>310</v>
      </c>
      <c r="M209" s="134"/>
      <c r="N209" s="124" t="s">
        <v>355</v>
      </c>
    </row>
    <row r="210" spans="1:14" ht="16.95" customHeight="1" x14ac:dyDescent="0.2">
      <c r="A210" s="99"/>
      <c r="B210" s="102"/>
      <c r="C210" s="105"/>
      <c r="D210" s="108"/>
      <c r="E210" s="105"/>
      <c r="F210" s="105"/>
      <c r="G210" s="25">
        <v>17812</v>
      </c>
      <c r="H210" s="10" t="s">
        <v>210</v>
      </c>
      <c r="I210" s="73">
        <v>34389</v>
      </c>
      <c r="J210" s="60">
        <v>43573</v>
      </c>
      <c r="K210" s="11">
        <v>40863</v>
      </c>
      <c r="L210" s="128"/>
      <c r="M210" s="105"/>
      <c r="N210" s="119"/>
    </row>
    <row r="211" spans="1:14" ht="16.95" customHeight="1" x14ac:dyDescent="0.2">
      <c r="A211" s="99"/>
      <c r="B211" s="102"/>
      <c r="C211" s="105"/>
      <c r="D211" s="108"/>
      <c r="E211" s="105"/>
      <c r="F211" s="105"/>
      <c r="G211" s="25"/>
      <c r="H211" s="13" t="s">
        <v>211</v>
      </c>
      <c r="I211" s="74">
        <v>47</v>
      </c>
      <c r="J211" s="61">
        <v>60</v>
      </c>
      <c r="K211" s="14">
        <v>61</v>
      </c>
      <c r="L211" s="128"/>
      <c r="M211" s="105"/>
      <c r="N211" s="119"/>
    </row>
    <row r="212" spans="1:14" ht="16.95" customHeight="1" x14ac:dyDescent="0.2">
      <c r="A212" s="99"/>
      <c r="B212" s="102"/>
      <c r="C212" s="105"/>
      <c r="D212" s="108"/>
      <c r="E212" s="105"/>
      <c r="F212" s="105"/>
      <c r="G212" s="25" t="s">
        <v>12</v>
      </c>
      <c r="H212" s="13" t="s">
        <v>212</v>
      </c>
      <c r="I212" s="74">
        <v>32564</v>
      </c>
      <c r="J212" s="61">
        <v>33511</v>
      </c>
      <c r="K212" s="14">
        <v>32870</v>
      </c>
      <c r="L212" s="128"/>
      <c r="M212" s="105"/>
      <c r="N212" s="119"/>
    </row>
    <row r="213" spans="1:14" ht="16.95" customHeight="1" x14ac:dyDescent="0.2">
      <c r="A213" s="99"/>
      <c r="B213" s="102"/>
      <c r="C213" s="105"/>
      <c r="D213" s="108"/>
      <c r="E213" s="105"/>
      <c r="F213" s="105"/>
      <c r="G213" s="25">
        <v>36962</v>
      </c>
      <c r="H213" s="5"/>
      <c r="I213" s="75"/>
      <c r="J213" s="67"/>
      <c r="K213" s="15"/>
      <c r="L213" s="128"/>
      <c r="M213" s="105"/>
      <c r="N213" s="119"/>
    </row>
    <row r="214" spans="1:14" ht="16.95" customHeight="1" x14ac:dyDescent="0.2">
      <c r="A214" s="99"/>
      <c r="B214" s="102"/>
      <c r="C214" s="105"/>
      <c r="D214" s="108"/>
      <c r="E214" s="105"/>
      <c r="F214" s="105"/>
      <c r="G214" s="25"/>
      <c r="H214" s="5"/>
      <c r="I214" s="75"/>
      <c r="J214" s="67"/>
      <c r="K214" s="15"/>
      <c r="L214" s="128"/>
      <c r="M214" s="105"/>
      <c r="N214" s="119"/>
    </row>
    <row r="215" spans="1:14" ht="16.95" customHeight="1" x14ac:dyDescent="0.2">
      <c r="A215" s="99"/>
      <c r="B215" s="102"/>
      <c r="C215" s="105"/>
      <c r="D215" s="108"/>
      <c r="E215" s="105"/>
      <c r="F215" s="105"/>
      <c r="G215" s="25"/>
      <c r="H215" s="10" t="s">
        <v>213</v>
      </c>
      <c r="I215" s="76">
        <v>-32517</v>
      </c>
      <c r="J215" s="63">
        <v>-33451</v>
      </c>
      <c r="K215" s="16">
        <v>-32809</v>
      </c>
      <c r="L215" s="128"/>
      <c r="M215" s="105"/>
      <c r="N215" s="119"/>
    </row>
    <row r="216" spans="1:14" ht="16.95" customHeight="1" x14ac:dyDescent="0.2">
      <c r="A216" s="99"/>
      <c r="B216" s="102"/>
      <c r="C216" s="105"/>
      <c r="D216" s="108"/>
      <c r="E216" s="105"/>
      <c r="F216" s="105"/>
      <c r="G216" s="25"/>
      <c r="H216" s="13" t="s">
        <v>214</v>
      </c>
      <c r="I216" s="77">
        <v>0.94693070458576867</v>
      </c>
      <c r="J216" s="64">
        <v>0.76907718082298671</v>
      </c>
      <c r="K216" s="17">
        <v>0.80439517411839556</v>
      </c>
      <c r="L216" s="128"/>
      <c r="M216" s="105"/>
      <c r="N216" s="119"/>
    </row>
    <row r="217" spans="1:14" ht="16.95" customHeight="1" x14ac:dyDescent="0.2">
      <c r="A217" s="99"/>
      <c r="B217" s="102"/>
      <c r="C217" s="105"/>
      <c r="D217" s="108"/>
      <c r="E217" s="105"/>
      <c r="F217" s="105"/>
      <c r="G217" s="25"/>
      <c r="H217" s="13" t="s">
        <v>215</v>
      </c>
      <c r="I217" s="77">
        <v>0.94556398848468992</v>
      </c>
      <c r="J217" s="64">
        <v>0.76770018130493656</v>
      </c>
      <c r="K217" s="18">
        <v>0.80290238112718104</v>
      </c>
      <c r="L217" s="128"/>
      <c r="M217" s="105"/>
      <c r="N217" s="119"/>
    </row>
    <row r="218" spans="1:14" ht="16.95" customHeight="1" x14ac:dyDescent="0.2">
      <c r="A218" s="99"/>
      <c r="B218" s="102"/>
      <c r="C218" s="105"/>
      <c r="D218" s="108"/>
      <c r="E218" s="105"/>
      <c r="F218" s="105"/>
      <c r="G218" s="25"/>
      <c r="H218" s="19"/>
      <c r="I218" s="78"/>
      <c r="J218" s="65"/>
      <c r="K218" s="6"/>
      <c r="L218" s="128"/>
      <c r="M218" s="105"/>
      <c r="N218" s="119"/>
    </row>
    <row r="219" spans="1:14" ht="16.95" customHeight="1" x14ac:dyDescent="0.2">
      <c r="A219" s="99"/>
      <c r="B219" s="102"/>
      <c r="C219" s="105"/>
      <c r="D219" s="108"/>
      <c r="E219" s="105"/>
      <c r="F219" s="105"/>
      <c r="G219" s="25"/>
      <c r="H219" s="19"/>
      <c r="I219" s="78"/>
      <c r="J219" s="65"/>
      <c r="K219" s="6"/>
      <c r="L219" s="128"/>
      <c r="M219" s="105"/>
      <c r="N219" s="119"/>
    </row>
    <row r="220" spans="1:14" ht="16.95" customHeight="1" thickBot="1" x14ac:dyDescent="0.25">
      <c r="A220" s="100"/>
      <c r="B220" s="103"/>
      <c r="C220" s="106"/>
      <c r="D220" s="109"/>
      <c r="E220" s="106"/>
      <c r="F220" s="106"/>
      <c r="G220" s="26"/>
      <c r="H220" s="22"/>
      <c r="I220" s="79"/>
      <c r="J220" s="66"/>
      <c r="K220" s="7"/>
      <c r="L220" s="129"/>
      <c r="M220" s="106"/>
      <c r="N220" s="120"/>
    </row>
    <row r="221" spans="1:14" ht="16.95" customHeight="1" thickTop="1" x14ac:dyDescent="0.2">
      <c r="A221" s="98">
        <v>19</v>
      </c>
      <c r="B221" s="101" t="s">
        <v>60</v>
      </c>
      <c r="C221" s="104" t="s">
        <v>252</v>
      </c>
      <c r="D221" s="107" t="s">
        <v>81</v>
      </c>
      <c r="E221" s="104" t="s">
        <v>82</v>
      </c>
      <c r="F221" s="104" t="s">
        <v>83</v>
      </c>
      <c r="G221" s="24" t="s">
        <v>11</v>
      </c>
      <c r="H221" s="9"/>
      <c r="I221" s="72"/>
      <c r="J221" s="59"/>
      <c r="K221" s="4"/>
      <c r="L221" s="127" t="s">
        <v>311</v>
      </c>
      <c r="M221" s="134"/>
      <c r="N221" s="124" t="s">
        <v>356</v>
      </c>
    </row>
    <row r="222" spans="1:14" ht="16.95" customHeight="1" x14ac:dyDescent="0.2">
      <c r="A222" s="99"/>
      <c r="B222" s="102"/>
      <c r="C222" s="105"/>
      <c r="D222" s="108"/>
      <c r="E222" s="105"/>
      <c r="F222" s="105"/>
      <c r="G222" s="39" t="s">
        <v>84</v>
      </c>
      <c r="H222" s="10" t="s">
        <v>210</v>
      </c>
      <c r="I222" s="73">
        <v>30345</v>
      </c>
      <c r="J222" s="60">
        <v>30178</v>
      </c>
      <c r="K222" s="11">
        <v>25210</v>
      </c>
      <c r="L222" s="128"/>
      <c r="M222" s="105"/>
      <c r="N222" s="119"/>
    </row>
    <row r="223" spans="1:14" ht="16.95" customHeight="1" x14ac:dyDescent="0.2">
      <c r="A223" s="99"/>
      <c r="B223" s="102"/>
      <c r="C223" s="105"/>
      <c r="D223" s="108"/>
      <c r="E223" s="105"/>
      <c r="F223" s="105"/>
      <c r="G223" s="25"/>
      <c r="H223" s="13" t="s">
        <v>211</v>
      </c>
      <c r="I223" s="74">
        <v>14617</v>
      </c>
      <c r="J223" s="61">
        <v>14147</v>
      </c>
      <c r="K223" s="14">
        <v>12954</v>
      </c>
      <c r="L223" s="128"/>
      <c r="M223" s="105"/>
      <c r="N223" s="119"/>
    </row>
    <row r="224" spans="1:14" ht="16.95" customHeight="1" x14ac:dyDescent="0.2">
      <c r="A224" s="99"/>
      <c r="B224" s="102"/>
      <c r="C224" s="105"/>
      <c r="D224" s="108"/>
      <c r="E224" s="105"/>
      <c r="F224" s="105"/>
      <c r="G224" s="25" t="s">
        <v>12</v>
      </c>
      <c r="H224" s="13" t="s">
        <v>212</v>
      </c>
      <c r="I224" s="74">
        <v>16082</v>
      </c>
      <c r="J224" s="61">
        <v>15746</v>
      </c>
      <c r="K224" s="14">
        <v>16312</v>
      </c>
      <c r="L224" s="128"/>
      <c r="M224" s="105"/>
      <c r="N224" s="119"/>
    </row>
    <row r="225" spans="1:14" ht="16.95" customHeight="1" x14ac:dyDescent="0.2">
      <c r="A225" s="99"/>
      <c r="B225" s="102"/>
      <c r="C225" s="105"/>
      <c r="D225" s="108"/>
      <c r="E225" s="105"/>
      <c r="F225" s="105"/>
      <c r="G225" s="39" t="s">
        <v>84</v>
      </c>
      <c r="H225" s="5"/>
      <c r="I225" s="75"/>
      <c r="J225" s="67"/>
      <c r="K225" s="15"/>
      <c r="L225" s="128"/>
      <c r="M225" s="105"/>
      <c r="N225" s="119"/>
    </row>
    <row r="226" spans="1:14" ht="16.95" customHeight="1" x14ac:dyDescent="0.2">
      <c r="A226" s="99"/>
      <c r="B226" s="102"/>
      <c r="C226" s="105"/>
      <c r="D226" s="108"/>
      <c r="E226" s="105"/>
      <c r="F226" s="105"/>
      <c r="G226" s="25"/>
      <c r="H226" s="5"/>
      <c r="I226" s="75"/>
      <c r="J226" s="67"/>
      <c r="K226" s="15"/>
      <c r="L226" s="128"/>
      <c r="M226" s="105"/>
      <c r="N226" s="119"/>
    </row>
    <row r="227" spans="1:14" ht="16.95" customHeight="1" x14ac:dyDescent="0.2">
      <c r="A227" s="99"/>
      <c r="B227" s="102"/>
      <c r="C227" s="105"/>
      <c r="D227" s="108"/>
      <c r="E227" s="105"/>
      <c r="F227" s="105"/>
      <c r="G227" s="125" t="s">
        <v>85</v>
      </c>
      <c r="H227" s="10" t="s">
        <v>213</v>
      </c>
      <c r="I227" s="76">
        <v>-1465</v>
      </c>
      <c r="J227" s="63">
        <v>-1599</v>
      </c>
      <c r="K227" s="16">
        <v>-3358</v>
      </c>
      <c r="L227" s="128"/>
      <c r="M227" s="105"/>
      <c r="N227" s="119"/>
    </row>
    <row r="228" spans="1:14" ht="16.95" customHeight="1" x14ac:dyDescent="0.2">
      <c r="A228" s="99"/>
      <c r="B228" s="102"/>
      <c r="C228" s="105"/>
      <c r="D228" s="108"/>
      <c r="E228" s="105"/>
      <c r="F228" s="105"/>
      <c r="G228" s="125"/>
      <c r="H228" s="13" t="s">
        <v>214</v>
      </c>
      <c r="I228" s="77">
        <v>0.52997198879551821</v>
      </c>
      <c r="J228" s="64">
        <v>0.52177082642984951</v>
      </c>
      <c r="K228" s="17">
        <v>0.64704482348274495</v>
      </c>
      <c r="L228" s="128"/>
      <c r="M228" s="105"/>
      <c r="N228" s="119"/>
    </row>
    <row r="229" spans="1:14" ht="16.95" customHeight="1" x14ac:dyDescent="0.2">
      <c r="A229" s="99"/>
      <c r="B229" s="102"/>
      <c r="C229" s="105"/>
      <c r="D229" s="108"/>
      <c r="E229" s="105"/>
      <c r="F229" s="105"/>
      <c r="G229" s="125"/>
      <c r="H229" s="13" t="s">
        <v>215</v>
      </c>
      <c r="I229" s="77">
        <v>4.8278134783325093E-2</v>
      </c>
      <c r="J229" s="64">
        <v>5.2985618662601895E-2</v>
      </c>
      <c r="K229" s="18">
        <v>0.13320111067036891</v>
      </c>
      <c r="L229" s="128"/>
      <c r="M229" s="105"/>
      <c r="N229" s="119"/>
    </row>
    <row r="230" spans="1:14" ht="16.95" customHeight="1" x14ac:dyDescent="0.2">
      <c r="A230" s="99"/>
      <c r="B230" s="102"/>
      <c r="C230" s="105"/>
      <c r="D230" s="108"/>
      <c r="E230" s="105"/>
      <c r="F230" s="105"/>
      <c r="G230" s="125"/>
      <c r="H230" s="19"/>
      <c r="I230" s="78"/>
      <c r="J230" s="65"/>
      <c r="K230" s="6"/>
      <c r="L230" s="128"/>
      <c r="M230" s="105"/>
      <c r="N230" s="119"/>
    </row>
    <row r="231" spans="1:14" ht="16.95" customHeight="1" x14ac:dyDescent="0.2">
      <c r="A231" s="99"/>
      <c r="B231" s="102"/>
      <c r="C231" s="105"/>
      <c r="D231" s="108"/>
      <c r="E231" s="105"/>
      <c r="F231" s="105"/>
      <c r="G231" s="125"/>
      <c r="H231" s="19"/>
      <c r="I231" s="78"/>
      <c r="J231" s="65"/>
      <c r="K231" s="6"/>
      <c r="L231" s="128"/>
      <c r="M231" s="105"/>
      <c r="N231" s="119"/>
    </row>
    <row r="232" spans="1:14" ht="16.95" customHeight="1" thickBot="1" x14ac:dyDescent="0.25">
      <c r="A232" s="100"/>
      <c r="B232" s="103"/>
      <c r="C232" s="106"/>
      <c r="D232" s="109"/>
      <c r="E232" s="106"/>
      <c r="F232" s="106"/>
      <c r="G232" s="147"/>
      <c r="H232" s="22"/>
      <c r="I232" s="79"/>
      <c r="J232" s="66"/>
      <c r="K232" s="7"/>
      <c r="L232" s="129"/>
      <c r="M232" s="106"/>
      <c r="N232" s="120"/>
    </row>
    <row r="233" spans="1:14" ht="16.95" customHeight="1" thickTop="1" x14ac:dyDescent="0.2">
      <c r="A233" s="98">
        <v>20</v>
      </c>
      <c r="B233" s="101" t="s">
        <v>60</v>
      </c>
      <c r="C233" s="104" t="s">
        <v>253</v>
      </c>
      <c r="D233" s="107" t="s">
        <v>81</v>
      </c>
      <c r="E233" s="104" t="s">
        <v>86</v>
      </c>
      <c r="F233" s="104" t="s">
        <v>87</v>
      </c>
      <c r="G233" s="24" t="s">
        <v>11</v>
      </c>
      <c r="H233" s="9"/>
      <c r="I233" s="72"/>
      <c r="J233" s="59"/>
      <c r="K233" s="4"/>
      <c r="L233" s="127" t="s">
        <v>312</v>
      </c>
      <c r="M233" s="134"/>
      <c r="N233" s="124" t="s">
        <v>357</v>
      </c>
    </row>
    <row r="234" spans="1:14" ht="16.95" customHeight="1" x14ac:dyDescent="0.2">
      <c r="A234" s="99"/>
      <c r="B234" s="102"/>
      <c r="C234" s="105"/>
      <c r="D234" s="108"/>
      <c r="E234" s="105"/>
      <c r="F234" s="105"/>
      <c r="G234" s="39" t="s">
        <v>84</v>
      </c>
      <c r="H234" s="10" t="s">
        <v>210</v>
      </c>
      <c r="I234" s="73">
        <v>10480</v>
      </c>
      <c r="J234" s="60">
        <v>9199</v>
      </c>
      <c r="K234" s="11">
        <v>9179</v>
      </c>
      <c r="L234" s="128"/>
      <c r="M234" s="105"/>
      <c r="N234" s="119"/>
    </row>
    <row r="235" spans="1:14" ht="16.95" customHeight="1" x14ac:dyDescent="0.2">
      <c r="A235" s="99"/>
      <c r="B235" s="102"/>
      <c r="C235" s="105"/>
      <c r="D235" s="108"/>
      <c r="E235" s="105"/>
      <c r="F235" s="105"/>
      <c r="G235" s="25"/>
      <c r="H235" s="13" t="s">
        <v>211</v>
      </c>
      <c r="I235" s="74">
        <v>8162</v>
      </c>
      <c r="J235" s="61">
        <v>7223</v>
      </c>
      <c r="K235" s="14">
        <v>7243</v>
      </c>
      <c r="L235" s="128"/>
      <c r="M235" s="105"/>
      <c r="N235" s="119"/>
    </row>
    <row r="236" spans="1:14" ht="16.95" customHeight="1" x14ac:dyDescent="0.2">
      <c r="A236" s="99"/>
      <c r="B236" s="102"/>
      <c r="C236" s="105"/>
      <c r="D236" s="108"/>
      <c r="E236" s="105"/>
      <c r="F236" s="105"/>
      <c r="G236" s="25" t="s">
        <v>12</v>
      </c>
      <c r="H236" s="13" t="s">
        <v>212</v>
      </c>
      <c r="I236" s="74">
        <v>13817</v>
      </c>
      <c r="J236" s="61">
        <v>13823</v>
      </c>
      <c r="K236" s="14">
        <v>15277</v>
      </c>
      <c r="L236" s="128"/>
      <c r="M236" s="105"/>
      <c r="N236" s="119"/>
    </row>
    <row r="237" spans="1:14" ht="16.95" customHeight="1" x14ac:dyDescent="0.2">
      <c r="A237" s="99"/>
      <c r="B237" s="102"/>
      <c r="C237" s="105"/>
      <c r="D237" s="108"/>
      <c r="E237" s="105"/>
      <c r="F237" s="105"/>
      <c r="G237" s="32">
        <v>11068</v>
      </c>
      <c r="H237" s="5"/>
      <c r="I237" s="75"/>
      <c r="J237" s="67"/>
      <c r="K237" s="15"/>
      <c r="L237" s="128"/>
      <c r="M237" s="105"/>
      <c r="N237" s="119"/>
    </row>
    <row r="238" spans="1:14" ht="16.95" customHeight="1" x14ac:dyDescent="0.2">
      <c r="A238" s="99"/>
      <c r="B238" s="102"/>
      <c r="C238" s="105"/>
      <c r="D238" s="108"/>
      <c r="E238" s="105"/>
      <c r="F238" s="105"/>
      <c r="G238" s="25"/>
      <c r="H238" s="5"/>
      <c r="I238" s="75"/>
      <c r="J238" s="67"/>
      <c r="K238" s="15"/>
      <c r="L238" s="128"/>
      <c r="M238" s="105"/>
      <c r="N238" s="119"/>
    </row>
    <row r="239" spans="1:14" ht="16.95" customHeight="1" x14ac:dyDescent="0.2">
      <c r="A239" s="99"/>
      <c r="B239" s="102"/>
      <c r="C239" s="105"/>
      <c r="D239" s="108"/>
      <c r="E239" s="105"/>
      <c r="F239" s="105"/>
      <c r="G239" s="148" t="s">
        <v>88</v>
      </c>
      <c r="H239" s="10" t="s">
        <v>213</v>
      </c>
      <c r="I239" s="76">
        <v>-5655</v>
      </c>
      <c r="J239" s="63">
        <v>-6600</v>
      </c>
      <c r="K239" s="16">
        <v>-8034</v>
      </c>
      <c r="L239" s="128"/>
      <c r="M239" s="105"/>
      <c r="N239" s="119"/>
    </row>
    <row r="240" spans="1:14" ht="16.95" customHeight="1" x14ac:dyDescent="0.2">
      <c r="A240" s="99"/>
      <c r="B240" s="102"/>
      <c r="C240" s="105"/>
      <c r="D240" s="108"/>
      <c r="E240" s="105"/>
      <c r="F240" s="105"/>
      <c r="G240" s="148"/>
      <c r="H240" s="13" t="s">
        <v>214</v>
      </c>
      <c r="I240" s="77">
        <v>1.3184160305343511</v>
      </c>
      <c r="J240" s="64">
        <v>1.5026633329709751</v>
      </c>
      <c r="K240" s="17">
        <v>1.6643425209717835</v>
      </c>
      <c r="L240" s="128"/>
      <c r="M240" s="105"/>
      <c r="N240" s="119"/>
    </row>
    <row r="241" spans="1:14" ht="16.95" customHeight="1" x14ac:dyDescent="0.2">
      <c r="A241" s="99"/>
      <c r="B241" s="102"/>
      <c r="C241" s="105"/>
      <c r="D241" s="108"/>
      <c r="E241" s="105"/>
      <c r="F241" s="105"/>
      <c r="G241" s="148"/>
      <c r="H241" s="13" t="s">
        <v>215</v>
      </c>
      <c r="I241" s="77">
        <v>0.53959923664122134</v>
      </c>
      <c r="J241" s="64">
        <v>0.71746929014023264</v>
      </c>
      <c r="K241" s="18">
        <v>0.8752587427824382</v>
      </c>
      <c r="L241" s="128"/>
      <c r="M241" s="105"/>
      <c r="N241" s="119"/>
    </row>
    <row r="242" spans="1:14" ht="16.95" customHeight="1" x14ac:dyDescent="0.2">
      <c r="A242" s="99"/>
      <c r="B242" s="102"/>
      <c r="C242" s="105"/>
      <c r="D242" s="108"/>
      <c r="E242" s="105"/>
      <c r="F242" s="105"/>
      <c r="G242" s="148"/>
      <c r="H242" s="19"/>
      <c r="I242" s="78"/>
      <c r="J242" s="65"/>
      <c r="K242" s="6"/>
      <c r="L242" s="128"/>
      <c r="M242" s="105"/>
      <c r="N242" s="119"/>
    </row>
    <row r="243" spans="1:14" ht="16.95" customHeight="1" x14ac:dyDescent="0.2">
      <c r="A243" s="99"/>
      <c r="B243" s="102"/>
      <c r="C243" s="105"/>
      <c r="D243" s="108"/>
      <c r="E243" s="105"/>
      <c r="F243" s="105"/>
      <c r="G243" s="148"/>
      <c r="H243" s="19"/>
      <c r="I243" s="78"/>
      <c r="J243" s="65"/>
      <c r="K243" s="6"/>
      <c r="L243" s="128"/>
      <c r="M243" s="105"/>
      <c r="N243" s="119"/>
    </row>
    <row r="244" spans="1:14" ht="16.95" customHeight="1" thickBot="1" x14ac:dyDescent="0.25">
      <c r="A244" s="100"/>
      <c r="B244" s="103"/>
      <c r="C244" s="106"/>
      <c r="D244" s="109"/>
      <c r="E244" s="106"/>
      <c r="F244" s="106"/>
      <c r="G244" s="149"/>
      <c r="H244" s="22"/>
      <c r="I244" s="79"/>
      <c r="J244" s="66"/>
      <c r="K244" s="7"/>
      <c r="L244" s="129"/>
      <c r="M244" s="106"/>
      <c r="N244" s="120"/>
    </row>
    <row r="245" spans="1:14" ht="16.95" customHeight="1" thickTop="1" x14ac:dyDescent="0.2">
      <c r="A245" s="98">
        <v>21</v>
      </c>
      <c r="B245" s="101" t="s">
        <v>60</v>
      </c>
      <c r="C245" s="104" t="s">
        <v>89</v>
      </c>
      <c r="D245" s="107" t="s">
        <v>338</v>
      </c>
      <c r="E245" s="104" t="s">
        <v>90</v>
      </c>
      <c r="F245" s="104" t="s">
        <v>91</v>
      </c>
      <c r="G245" s="8" t="s">
        <v>11</v>
      </c>
      <c r="H245" s="9"/>
      <c r="I245" s="72"/>
      <c r="J245" s="59"/>
      <c r="K245" s="4"/>
      <c r="L245" s="127" t="s">
        <v>313</v>
      </c>
      <c r="M245" s="150"/>
      <c r="N245" s="124" t="s">
        <v>358</v>
      </c>
    </row>
    <row r="246" spans="1:14" ht="16.95" customHeight="1" x14ac:dyDescent="0.2">
      <c r="A246" s="99"/>
      <c r="B246" s="102"/>
      <c r="C246" s="105"/>
      <c r="D246" s="108"/>
      <c r="E246" s="105"/>
      <c r="F246" s="105"/>
      <c r="G246" s="12">
        <v>1258286</v>
      </c>
      <c r="H246" s="10" t="s">
        <v>210</v>
      </c>
      <c r="I246" s="73">
        <v>226338</v>
      </c>
      <c r="J246" s="60">
        <v>212673</v>
      </c>
      <c r="K246" s="11">
        <v>212609</v>
      </c>
      <c r="L246" s="128"/>
      <c r="M246" s="151"/>
      <c r="N246" s="119"/>
    </row>
    <row r="247" spans="1:14" ht="16.95" customHeight="1" x14ac:dyDescent="0.2">
      <c r="A247" s="99"/>
      <c r="B247" s="102"/>
      <c r="C247" s="105"/>
      <c r="D247" s="108"/>
      <c r="E247" s="105"/>
      <c r="F247" s="105"/>
      <c r="G247" s="12"/>
      <c r="H247" s="13" t="s">
        <v>211</v>
      </c>
      <c r="I247" s="74">
        <v>104999</v>
      </c>
      <c r="J247" s="61">
        <v>99270</v>
      </c>
      <c r="K247" s="14">
        <v>100298</v>
      </c>
      <c r="L247" s="128"/>
      <c r="M247" s="151"/>
      <c r="N247" s="119"/>
    </row>
    <row r="248" spans="1:14" ht="16.95" customHeight="1" x14ac:dyDescent="0.2">
      <c r="A248" s="99"/>
      <c r="B248" s="102"/>
      <c r="C248" s="105"/>
      <c r="D248" s="108"/>
      <c r="E248" s="105"/>
      <c r="F248" s="105"/>
      <c r="G248" s="12" t="s">
        <v>12</v>
      </c>
      <c r="H248" s="13" t="s">
        <v>212</v>
      </c>
      <c r="I248" s="74">
        <v>185966</v>
      </c>
      <c r="J248" s="61">
        <v>186957</v>
      </c>
      <c r="K248" s="14">
        <v>187108</v>
      </c>
      <c r="L248" s="128"/>
      <c r="M248" s="151"/>
      <c r="N248" s="119"/>
    </row>
    <row r="249" spans="1:14" ht="16.95" customHeight="1" x14ac:dyDescent="0.2">
      <c r="A249" s="99"/>
      <c r="B249" s="102"/>
      <c r="C249" s="105"/>
      <c r="D249" s="108"/>
      <c r="E249" s="105"/>
      <c r="F249" s="105"/>
      <c r="G249" s="12">
        <v>223820</v>
      </c>
      <c r="H249" s="5"/>
      <c r="I249" s="75"/>
      <c r="J249" s="62"/>
      <c r="K249" s="15"/>
      <c r="L249" s="128"/>
      <c r="M249" s="151"/>
      <c r="N249" s="119"/>
    </row>
    <row r="250" spans="1:14" ht="16.95" customHeight="1" x14ac:dyDescent="0.2">
      <c r="A250" s="99"/>
      <c r="B250" s="102"/>
      <c r="C250" s="105"/>
      <c r="D250" s="108"/>
      <c r="E250" s="105"/>
      <c r="F250" s="105"/>
      <c r="G250" s="12"/>
      <c r="H250" s="5"/>
      <c r="I250" s="75"/>
      <c r="J250" s="62"/>
      <c r="K250" s="15"/>
      <c r="L250" s="128"/>
      <c r="M250" s="151"/>
      <c r="N250" s="119"/>
    </row>
    <row r="251" spans="1:14" ht="16.95" customHeight="1" x14ac:dyDescent="0.2">
      <c r="A251" s="99"/>
      <c r="B251" s="102"/>
      <c r="C251" s="105"/>
      <c r="D251" s="108"/>
      <c r="E251" s="105"/>
      <c r="F251" s="105"/>
      <c r="G251" s="12"/>
      <c r="H251" s="10" t="s">
        <v>213</v>
      </c>
      <c r="I251" s="76">
        <v>-80967</v>
      </c>
      <c r="J251" s="63">
        <v>-87687</v>
      </c>
      <c r="K251" s="16">
        <v>-86810</v>
      </c>
      <c r="L251" s="128"/>
      <c r="M251" s="151"/>
      <c r="N251" s="119"/>
    </row>
    <row r="252" spans="1:14" ht="16.95" customHeight="1" x14ac:dyDescent="0.2">
      <c r="A252" s="99"/>
      <c r="B252" s="102"/>
      <c r="C252" s="105"/>
      <c r="D252" s="108"/>
      <c r="E252" s="105"/>
      <c r="F252" s="105"/>
      <c r="G252" s="12"/>
      <c r="H252" s="13" t="s">
        <v>214</v>
      </c>
      <c r="I252" s="77">
        <v>0.82162959821152437</v>
      </c>
      <c r="J252" s="64">
        <v>0.87908197091309193</v>
      </c>
      <c r="K252" s="17">
        <v>0.88005681791457557</v>
      </c>
      <c r="L252" s="128"/>
      <c r="M252" s="151"/>
      <c r="N252" s="119"/>
    </row>
    <row r="253" spans="1:14" ht="16.95" customHeight="1" x14ac:dyDescent="0.2">
      <c r="A253" s="99"/>
      <c r="B253" s="102"/>
      <c r="C253" s="105"/>
      <c r="D253" s="108"/>
      <c r="E253" s="105"/>
      <c r="F253" s="105"/>
      <c r="G253" s="12"/>
      <c r="H253" s="13" t="s">
        <v>215</v>
      </c>
      <c r="I253" s="77">
        <v>0.35772605572197336</v>
      </c>
      <c r="J253" s="64">
        <v>0.41230903781862294</v>
      </c>
      <c r="K253" s="18">
        <v>0.40830820896575404</v>
      </c>
      <c r="L253" s="128"/>
      <c r="M253" s="151"/>
      <c r="N253" s="119"/>
    </row>
    <row r="254" spans="1:14" ht="16.95" customHeight="1" x14ac:dyDescent="0.2">
      <c r="A254" s="99"/>
      <c r="B254" s="102"/>
      <c r="C254" s="105"/>
      <c r="D254" s="108"/>
      <c r="E254" s="105"/>
      <c r="F254" s="105"/>
      <c r="G254" s="12"/>
      <c r="H254" s="19"/>
      <c r="I254" s="78"/>
      <c r="J254" s="65"/>
      <c r="K254" s="6"/>
      <c r="L254" s="128"/>
      <c r="M254" s="151"/>
      <c r="N254" s="119"/>
    </row>
    <row r="255" spans="1:14" ht="16.95" customHeight="1" x14ac:dyDescent="0.2">
      <c r="A255" s="99"/>
      <c r="B255" s="102"/>
      <c r="C255" s="105"/>
      <c r="D255" s="108"/>
      <c r="E255" s="105"/>
      <c r="F255" s="105"/>
      <c r="G255" s="12"/>
      <c r="H255" s="19"/>
      <c r="I255" s="78"/>
      <c r="J255" s="65"/>
      <c r="K255" s="6"/>
      <c r="L255" s="128"/>
      <c r="M255" s="151"/>
      <c r="N255" s="119"/>
    </row>
    <row r="256" spans="1:14" ht="16.95" customHeight="1" thickBot="1" x14ac:dyDescent="0.25">
      <c r="A256" s="100"/>
      <c r="B256" s="103"/>
      <c r="C256" s="106"/>
      <c r="D256" s="109"/>
      <c r="E256" s="106"/>
      <c r="F256" s="106"/>
      <c r="G256" s="21"/>
      <c r="H256" s="22"/>
      <c r="I256" s="79"/>
      <c r="J256" s="66"/>
      <c r="K256" s="7"/>
      <c r="L256" s="129"/>
      <c r="M256" s="152"/>
      <c r="N256" s="120"/>
    </row>
    <row r="257" spans="1:14" ht="16.95" customHeight="1" thickTop="1" thickBot="1" x14ac:dyDescent="0.25">
      <c r="A257" s="98">
        <v>22</v>
      </c>
      <c r="B257" s="101" t="s">
        <v>60</v>
      </c>
      <c r="C257" s="104" t="s">
        <v>92</v>
      </c>
      <c r="D257" s="107" t="s">
        <v>93</v>
      </c>
      <c r="E257" s="104" t="s">
        <v>331</v>
      </c>
      <c r="F257" s="104" t="s">
        <v>94</v>
      </c>
      <c r="G257" s="8" t="s">
        <v>11</v>
      </c>
      <c r="H257" s="9"/>
      <c r="I257" s="72"/>
      <c r="J257" s="59"/>
      <c r="K257" s="4"/>
      <c r="L257" s="127" t="s">
        <v>314</v>
      </c>
      <c r="M257" s="150"/>
      <c r="N257" s="166" t="s">
        <v>359</v>
      </c>
    </row>
    <row r="258" spans="1:14" ht="16.95" customHeight="1" thickTop="1" thickBot="1" x14ac:dyDescent="0.25">
      <c r="A258" s="99"/>
      <c r="B258" s="102"/>
      <c r="C258" s="105"/>
      <c r="D258" s="108"/>
      <c r="E258" s="105"/>
      <c r="F258" s="105"/>
      <c r="G258" s="12">
        <v>6822525</v>
      </c>
      <c r="H258" s="10" t="s">
        <v>210</v>
      </c>
      <c r="I258" s="73">
        <v>196198</v>
      </c>
      <c r="J258" s="60">
        <v>210431</v>
      </c>
      <c r="K258" s="11">
        <v>199414</v>
      </c>
      <c r="L258" s="128"/>
      <c r="M258" s="151"/>
      <c r="N258" s="166"/>
    </row>
    <row r="259" spans="1:14" ht="16.95" customHeight="1" thickTop="1" thickBot="1" x14ac:dyDescent="0.25">
      <c r="A259" s="99"/>
      <c r="B259" s="102"/>
      <c r="C259" s="105"/>
      <c r="D259" s="108"/>
      <c r="E259" s="105"/>
      <c r="F259" s="105"/>
      <c r="G259" s="12"/>
      <c r="H259" s="13" t="s">
        <v>211</v>
      </c>
      <c r="I259" s="74">
        <v>44366</v>
      </c>
      <c r="J259" s="61">
        <v>49389</v>
      </c>
      <c r="K259" s="14">
        <v>44653</v>
      </c>
      <c r="L259" s="128"/>
      <c r="M259" s="151"/>
      <c r="N259" s="166"/>
    </row>
    <row r="260" spans="1:14" ht="16.95" customHeight="1" thickTop="1" thickBot="1" x14ac:dyDescent="0.25">
      <c r="A260" s="99"/>
      <c r="B260" s="102"/>
      <c r="C260" s="105"/>
      <c r="D260" s="108"/>
      <c r="E260" s="105"/>
      <c r="F260" s="105"/>
      <c r="G260" s="12" t="s">
        <v>12</v>
      </c>
      <c r="H260" s="13" t="s">
        <v>212</v>
      </c>
      <c r="I260" s="74">
        <v>163033</v>
      </c>
      <c r="J260" s="61">
        <v>157056</v>
      </c>
      <c r="K260" s="14">
        <v>153315</v>
      </c>
      <c r="L260" s="128"/>
      <c r="M260" s="151"/>
      <c r="N260" s="166"/>
    </row>
    <row r="261" spans="1:14" ht="16.95" customHeight="1" thickTop="1" thickBot="1" x14ac:dyDescent="0.25">
      <c r="A261" s="99"/>
      <c r="B261" s="102"/>
      <c r="C261" s="105"/>
      <c r="D261" s="108"/>
      <c r="E261" s="105"/>
      <c r="F261" s="105"/>
      <c r="G261" s="12">
        <v>269028</v>
      </c>
      <c r="H261" s="5"/>
      <c r="I261" s="75"/>
      <c r="J261" s="62"/>
      <c r="K261" s="15"/>
      <c r="L261" s="128"/>
      <c r="M261" s="151"/>
      <c r="N261" s="166"/>
    </row>
    <row r="262" spans="1:14" ht="16.95" customHeight="1" thickTop="1" thickBot="1" x14ac:dyDescent="0.25">
      <c r="A262" s="99"/>
      <c r="B262" s="102"/>
      <c r="C262" s="105"/>
      <c r="D262" s="108"/>
      <c r="E262" s="105"/>
      <c r="F262" s="105"/>
      <c r="G262" s="25"/>
      <c r="H262" s="5"/>
      <c r="I262" s="75"/>
      <c r="J262" s="62"/>
      <c r="K262" s="15"/>
      <c r="L262" s="128"/>
      <c r="M262" s="151"/>
      <c r="N262" s="166"/>
    </row>
    <row r="263" spans="1:14" ht="16.95" customHeight="1" thickTop="1" thickBot="1" x14ac:dyDescent="0.25">
      <c r="A263" s="99"/>
      <c r="B263" s="102"/>
      <c r="C263" s="105"/>
      <c r="D263" s="108"/>
      <c r="E263" s="105"/>
      <c r="F263" s="105"/>
      <c r="G263" s="25"/>
      <c r="H263" s="10" t="s">
        <v>213</v>
      </c>
      <c r="I263" s="76">
        <v>-118667</v>
      </c>
      <c r="J263" s="63">
        <v>-107667</v>
      </c>
      <c r="K263" s="16">
        <v>-108662</v>
      </c>
      <c r="L263" s="128"/>
      <c r="M263" s="151"/>
      <c r="N263" s="166"/>
    </row>
    <row r="264" spans="1:14" ht="16.95" customHeight="1" thickTop="1" thickBot="1" x14ac:dyDescent="0.25">
      <c r="A264" s="99"/>
      <c r="B264" s="102"/>
      <c r="C264" s="105"/>
      <c r="D264" s="108"/>
      <c r="E264" s="105"/>
      <c r="F264" s="105"/>
      <c r="G264" s="25"/>
      <c r="H264" s="13" t="s">
        <v>214</v>
      </c>
      <c r="I264" s="77">
        <v>0.8309615796287424</v>
      </c>
      <c r="J264" s="64">
        <v>0.74635391173353738</v>
      </c>
      <c r="K264" s="17">
        <v>0.76882766505862177</v>
      </c>
      <c r="L264" s="128"/>
      <c r="M264" s="151"/>
      <c r="N264" s="166"/>
    </row>
    <row r="265" spans="1:14" ht="16.95" customHeight="1" thickTop="1" thickBot="1" x14ac:dyDescent="0.25">
      <c r="A265" s="99"/>
      <c r="B265" s="102"/>
      <c r="C265" s="105"/>
      <c r="D265" s="108"/>
      <c r="E265" s="105"/>
      <c r="F265" s="105"/>
      <c r="G265" s="25"/>
      <c r="H265" s="13" t="s">
        <v>215</v>
      </c>
      <c r="I265" s="77">
        <v>0.60483287291409693</v>
      </c>
      <c r="J265" s="64">
        <v>0.51164989949199502</v>
      </c>
      <c r="K265" s="18">
        <v>0.54490657626846661</v>
      </c>
      <c r="L265" s="128"/>
      <c r="M265" s="151"/>
      <c r="N265" s="166"/>
    </row>
    <row r="266" spans="1:14" ht="16.95" customHeight="1" thickTop="1" thickBot="1" x14ac:dyDescent="0.25">
      <c r="A266" s="99"/>
      <c r="B266" s="102"/>
      <c r="C266" s="105"/>
      <c r="D266" s="108"/>
      <c r="E266" s="105"/>
      <c r="F266" s="105"/>
      <c r="G266" s="25"/>
      <c r="H266" s="19"/>
      <c r="I266" s="78"/>
      <c r="J266" s="65"/>
      <c r="K266" s="6"/>
      <c r="L266" s="128"/>
      <c r="M266" s="151"/>
      <c r="N266" s="166"/>
    </row>
    <row r="267" spans="1:14" ht="16.95" customHeight="1" thickTop="1" thickBot="1" x14ac:dyDescent="0.25">
      <c r="A267" s="99"/>
      <c r="B267" s="102"/>
      <c r="C267" s="105"/>
      <c r="D267" s="108"/>
      <c r="E267" s="105"/>
      <c r="F267" s="105"/>
      <c r="G267" s="25"/>
      <c r="H267" s="19"/>
      <c r="I267" s="78"/>
      <c r="J267" s="65"/>
      <c r="K267" s="6"/>
      <c r="L267" s="128"/>
      <c r="M267" s="151"/>
      <c r="N267" s="166"/>
    </row>
    <row r="268" spans="1:14" ht="16.95" customHeight="1" thickTop="1" thickBot="1" x14ac:dyDescent="0.25">
      <c r="A268" s="100"/>
      <c r="B268" s="103"/>
      <c r="C268" s="106"/>
      <c r="D268" s="109"/>
      <c r="E268" s="106"/>
      <c r="F268" s="106"/>
      <c r="G268" s="26"/>
      <c r="H268" s="22"/>
      <c r="I268" s="79"/>
      <c r="J268" s="66"/>
      <c r="K268" s="7"/>
      <c r="L268" s="129"/>
      <c r="M268" s="152"/>
      <c r="N268" s="166"/>
    </row>
    <row r="269" spans="1:14" ht="16.95" customHeight="1" thickTop="1" x14ac:dyDescent="0.2">
      <c r="A269" s="98">
        <v>23</v>
      </c>
      <c r="B269" s="101" t="s">
        <v>95</v>
      </c>
      <c r="C269" s="104" t="s">
        <v>301</v>
      </c>
      <c r="D269" s="107" t="s">
        <v>16</v>
      </c>
      <c r="E269" s="153" t="s">
        <v>339</v>
      </c>
      <c r="F269" s="104" t="s">
        <v>96</v>
      </c>
      <c r="G269" s="24" t="s">
        <v>11</v>
      </c>
      <c r="H269" s="9"/>
      <c r="I269" s="72"/>
      <c r="J269" s="59"/>
      <c r="K269" s="4"/>
      <c r="L269" s="127" t="s">
        <v>323</v>
      </c>
      <c r="M269" s="134"/>
      <c r="N269" s="124" t="s">
        <v>360</v>
      </c>
    </row>
    <row r="270" spans="1:14" ht="16.95" customHeight="1" x14ac:dyDescent="0.2">
      <c r="A270" s="99"/>
      <c r="B270" s="102"/>
      <c r="C270" s="105"/>
      <c r="D270" s="108"/>
      <c r="E270" s="102"/>
      <c r="F270" s="154"/>
      <c r="G270" s="39" t="s">
        <v>84</v>
      </c>
      <c r="H270" s="10" t="s">
        <v>210</v>
      </c>
      <c r="I270" s="73">
        <v>7460</v>
      </c>
      <c r="J270" s="60">
        <v>8054</v>
      </c>
      <c r="K270" s="11">
        <v>7949</v>
      </c>
      <c r="L270" s="128"/>
      <c r="M270" s="105"/>
      <c r="N270" s="119"/>
    </row>
    <row r="271" spans="1:14" ht="16.95" customHeight="1" x14ac:dyDescent="0.2">
      <c r="A271" s="99"/>
      <c r="B271" s="102"/>
      <c r="C271" s="105"/>
      <c r="D271" s="108"/>
      <c r="E271" s="102"/>
      <c r="F271" s="154"/>
      <c r="G271" s="25"/>
      <c r="H271" s="13" t="s">
        <v>211</v>
      </c>
      <c r="I271" s="74">
        <v>2752</v>
      </c>
      <c r="J271" s="61">
        <v>1952</v>
      </c>
      <c r="K271" s="14">
        <v>4513</v>
      </c>
      <c r="L271" s="128"/>
      <c r="M271" s="105"/>
      <c r="N271" s="119"/>
    </row>
    <row r="272" spans="1:14" ht="16.95" customHeight="1" x14ac:dyDescent="0.2">
      <c r="A272" s="99"/>
      <c r="B272" s="102"/>
      <c r="C272" s="105"/>
      <c r="D272" s="108"/>
      <c r="E272" s="102"/>
      <c r="F272" s="154"/>
      <c r="G272" s="25" t="s">
        <v>12</v>
      </c>
      <c r="H272" s="13" t="s">
        <v>212</v>
      </c>
      <c r="I272" s="74">
        <v>121799</v>
      </c>
      <c r="J272" s="61">
        <v>126654</v>
      </c>
      <c r="K272" s="14">
        <v>133958</v>
      </c>
      <c r="L272" s="128"/>
      <c r="M272" s="105"/>
      <c r="N272" s="119"/>
    </row>
    <row r="273" spans="1:14" ht="16.95" customHeight="1" x14ac:dyDescent="0.2">
      <c r="A273" s="99"/>
      <c r="B273" s="102"/>
      <c r="C273" s="105"/>
      <c r="D273" s="108"/>
      <c r="E273" s="102"/>
      <c r="F273" s="154"/>
      <c r="G273" s="39" t="s">
        <v>84</v>
      </c>
      <c r="H273" s="5"/>
      <c r="I273" s="75"/>
      <c r="J273" s="62"/>
      <c r="K273" s="15"/>
      <c r="L273" s="128"/>
      <c r="M273" s="105"/>
      <c r="N273" s="119"/>
    </row>
    <row r="274" spans="1:14" ht="16.95" customHeight="1" x14ac:dyDescent="0.2">
      <c r="A274" s="99"/>
      <c r="B274" s="102"/>
      <c r="C274" s="105"/>
      <c r="D274" s="108"/>
      <c r="E274" s="102"/>
      <c r="F274" s="154"/>
      <c r="G274" s="25"/>
      <c r="H274" s="5"/>
      <c r="I274" s="75"/>
      <c r="J274" s="62"/>
      <c r="K274" s="15"/>
      <c r="L274" s="128"/>
      <c r="M274" s="105"/>
      <c r="N274" s="119"/>
    </row>
    <row r="275" spans="1:14" ht="16.95" customHeight="1" x14ac:dyDescent="0.2">
      <c r="A275" s="99"/>
      <c r="B275" s="102"/>
      <c r="C275" s="105"/>
      <c r="D275" s="108"/>
      <c r="E275" s="102"/>
      <c r="F275" s="154"/>
      <c r="G275" s="39" t="s">
        <v>220</v>
      </c>
      <c r="H275" s="10" t="s">
        <v>213</v>
      </c>
      <c r="I275" s="76">
        <v>-119047</v>
      </c>
      <c r="J275" s="63">
        <v>-124702</v>
      </c>
      <c r="K275" s="16">
        <v>-129445</v>
      </c>
      <c r="L275" s="128"/>
      <c r="M275" s="105"/>
      <c r="N275" s="119"/>
    </row>
    <row r="276" spans="1:14" ht="16.95" customHeight="1" x14ac:dyDescent="0.2">
      <c r="A276" s="99"/>
      <c r="B276" s="102"/>
      <c r="C276" s="105"/>
      <c r="D276" s="108"/>
      <c r="E276" s="102"/>
      <c r="F276" s="154"/>
      <c r="G276" s="25"/>
      <c r="H276" s="13" t="s">
        <v>214</v>
      </c>
      <c r="I276" s="77">
        <v>16.326943699731903</v>
      </c>
      <c r="J276" s="64">
        <v>15.725602185249565</v>
      </c>
      <c r="K276" s="17">
        <v>16.852182664486097</v>
      </c>
      <c r="L276" s="128"/>
      <c r="M276" s="105"/>
      <c r="N276" s="119"/>
    </row>
    <row r="277" spans="1:14" ht="16.95" customHeight="1" x14ac:dyDescent="0.2">
      <c r="A277" s="99"/>
      <c r="B277" s="102"/>
      <c r="C277" s="105"/>
      <c r="D277" s="108"/>
      <c r="E277" s="102"/>
      <c r="F277" s="154"/>
      <c r="G277" s="25"/>
      <c r="H277" s="13" t="s">
        <v>215</v>
      </c>
      <c r="I277" s="77">
        <v>15.958042895442359</v>
      </c>
      <c r="J277" s="64">
        <v>15.48323814253787</v>
      </c>
      <c r="K277" s="18">
        <v>16.284438294125046</v>
      </c>
      <c r="L277" s="128"/>
      <c r="M277" s="105"/>
      <c r="N277" s="119"/>
    </row>
    <row r="278" spans="1:14" ht="16.95" customHeight="1" x14ac:dyDescent="0.2">
      <c r="A278" s="99"/>
      <c r="B278" s="102"/>
      <c r="C278" s="105"/>
      <c r="D278" s="108"/>
      <c r="E278" s="102"/>
      <c r="F278" s="154"/>
      <c r="G278" s="25"/>
      <c r="H278" s="19"/>
      <c r="I278" s="78"/>
      <c r="J278" s="65"/>
      <c r="K278" s="6"/>
      <c r="L278" s="128"/>
      <c r="M278" s="105"/>
      <c r="N278" s="119"/>
    </row>
    <row r="279" spans="1:14" ht="16.95" customHeight="1" x14ac:dyDescent="0.2">
      <c r="A279" s="99"/>
      <c r="B279" s="102"/>
      <c r="C279" s="105"/>
      <c r="D279" s="108"/>
      <c r="E279" s="102"/>
      <c r="F279" s="154"/>
      <c r="G279" s="25"/>
      <c r="H279" s="19"/>
      <c r="I279" s="78"/>
      <c r="J279" s="65"/>
      <c r="K279" s="6"/>
      <c r="L279" s="128"/>
      <c r="M279" s="105"/>
      <c r="N279" s="119"/>
    </row>
    <row r="280" spans="1:14" ht="16.95" customHeight="1" thickBot="1" x14ac:dyDescent="0.25">
      <c r="A280" s="100"/>
      <c r="B280" s="103"/>
      <c r="C280" s="106"/>
      <c r="D280" s="109"/>
      <c r="E280" s="103"/>
      <c r="F280" s="155"/>
      <c r="G280" s="26"/>
      <c r="H280" s="22"/>
      <c r="I280" s="79"/>
      <c r="J280" s="66"/>
      <c r="K280" s="7"/>
      <c r="L280" s="129"/>
      <c r="M280" s="106"/>
      <c r="N280" s="120"/>
    </row>
    <row r="281" spans="1:14" ht="16.95" customHeight="1" thickTop="1" x14ac:dyDescent="0.2">
      <c r="A281" s="98">
        <v>24</v>
      </c>
      <c r="B281" s="107" t="s">
        <v>95</v>
      </c>
      <c r="C281" s="107" t="s">
        <v>97</v>
      </c>
      <c r="D281" s="107" t="s">
        <v>9</v>
      </c>
      <c r="E281" s="101" t="s">
        <v>302</v>
      </c>
      <c r="F281" s="101" t="s">
        <v>224</v>
      </c>
      <c r="G281" s="40" t="s">
        <v>221</v>
      </c>
      <c r="H281" s="9"/>
      <c r="I281" s="72"/>
      <c r="J281" s="59"/>
      <c r="K281" s="4"/>
      <c r="L281" s="127" t="s">
        <v>303</v>
      </c>
      <c r="M281" s="121" t="s">
        <v>332</v>
      </c>
      <c r="N281" s="124" t="s">
        <v>361</v>
      </c>
    </row>
    <row r="282" spans="1:14" ht="16.95" customHeight="1" x14ac:dyDescent="0.2">
      <c r="A282" s="99"/>
      <c r="B282" s="108"/>
      <c r="C282" s="108"/>
      <c r="D282" s="108"/>
      <c r="E282" s="102"/>
      <c r="F282" s="102"/>
      <c r="G282" s="41">
        <v>661414</v>
      </c>
      <c r="H282" s="10" t="s">
        <v>210</v>
      </c>
      <c r="I282" s="73">
        <v>19160</v>
      </c>
      <c r="J282" s="60">
        <v>62</v>
      </c>
      <c r="K282" s="11">
        <v>63</v>
      </c>
      <c r="L282" s="128"/>
      <c r="M282" s="156"/>
      <c r="N282" s="119"/>
    </row>
    <row r="283" spans="1:14" ht="16.95" customHeight="1" x14ac:dyDescent="0.2">
      <c r="A283" s="99"/>
      <c r="B283" s="108"/>
      <c r="C283" s="108"/>
      <c r="D283" s="108"/>
      <c r="E283" s="102"/>
      <c r="F283" s="102"/>
      <c r="G283" s="42"/>
      <c r="H283" s="13" t="s">
        <v>211</v>
      </c>
      <c r="I283" s="74">
        <v>408461</v>
      </c>
      <c r="J283" s="61">
        <v>440638</v>
      </c>
      <c r="K283" s="14">
        <v>452609</v>
      </c>
      <c r="L283" s="128"/>
      <c r="M283" s="156"/>
      <c r="N283" s="119"/>
    </row>
    <row r="284" spans="1:14" ht="16.95" customHeight="1" x14ac:dyDescent="0.2">
      <c r="A284" s="99"/>
      <c r="B284" s="108"/>
      <c r="C284" s="108"/>
      <c r="D284" s="108"/>
      <c r="E284" s="102"/>
      <c r="F284" s="102"/>
      <c r="G284" s="41"/>
      <c r="H284" s="13" t="s">
        <v>212</v>
      </c>
      <c r="I284" s="74">
        <v>673666</v>
      </c>
      <c r="J284" s="61">
        <v>724437</v>
      </c>
      <c r="K284" s="14">
        <v>745631</v>
      </c>
      <c r="L284" s="128"/>
      <c r="M284" s="156"/>
      <c r="N284" s="119"/>
    </row>
    <row r="285" spans="1:14" ht="16.95" customHeight="1" x14ac:dyDescent="0.2">
      <c r="A285" s="99"/>
      <c r="B285" s="108"/>
      <c r="C285" s="108"/>
      <c r="D285" s="108"/>
      <c r="E285" s="102"/>
      <c r="F285" s="102"/>
      <c r="G285" s="43" t="s">
        <v>222</v>
      </c>
      <c r="H285" s="5"/>
      <c r="I285" s="75"/>
      <c r="J285" s="62"/>
      <c r="K285" s="15"/>
      <c r="L285" s="128"/>
      <c r="M285" s="156"/>
      <c r="N285" s="119"/>
    </row>
    <row r="286" spans="1:14" ht="16.95" customHeight="1" x14ac:dyDescent="0.2">
      <c r="A286" s="99"/>
      <c r="B286" s="108"/>
      <c r="C286" s="108"/>
      <c r="D286" s="108"/>
      <c r="E286" s="102"/>
      <c r="F286" s="102"/>
      <c r="G286" s="41">
        <v>4836373</v>
      </c>
      <c r="H286" s="5"/>
      <c r="I286" s="75"/>
      <c r="J286" s="62"/>
      <c r="K286" s="15"/>
      <c r="L286" s="128"/>
      <c r="M286" s="156"/>
      <c r="N286" s="119"/>
    </row>
    <row r="287" spans="1:14" ht="16.95" customHeight="1" x14ac:dyDescent="0.2">
      <c r="A287" s="99"/>
      <c r="B287" s="108"/>
      <c r="C287" s="108"/>
      <c r="D287" s="108"/>
      <c r="E287" s="102"/>
      <c r="F287" s="102"/>
      <c r="G287" s="42"/>
      <c r="H287" s="10" t="s">
        <v>213</v>
      </c>
      <c r="I287" s="76">
        <v>-265205</v>
      </c>
      <c r="J287" s="63">
        <v>-283799</v>
      </c>
      <c r="K287" s="16">
        <v>-293022</v>
      </c>
      <c r="L287" s="128"/>
      <c r="M287" s="156"/>
      <c r="N287" s="119"/>
    </row>
    <row r="288" spans="1:14" ht="16.95" customHeight="1" x14ac:dyDescent="0.2">
      <c r="A288" s="99"/>
      <c r="B288" s="108"/>
      <c r="C288" s="108"/>
      <c r="D288" s="108"/>
      <c r="E288" s="102"/>
      <c r="F288" s="102"/>
      <c r="G288" s="41"/>
      <c r="H288" s="13" t="s">
        <v>214</v>
      </c>
      <c r="I288" s="77">
        <v>35.160020876826721</v>
      </c>
      <c r="J288" s="64">
        <v>11684.467741935483</v>
      </c>
      <c r="K288" s="16">
        <v>11835.412698412698</v>
      </c>
      <c r="L288" s="128"/>
      <c r="M288" s="156"/>
      <c r="N288" s="119"/>
    </row>
    <row r="289" spans="1:14" ht="16.95" customHeight="1" x14ac:dyDescent="0.2">
      <c r="A289" s="99"/>
      <c r="B289" s="108"/>
      <c r="C289" s="108"/>
      <c r="D289" s="108"/>
      <c r="E289" s="102"/>
      <c r="F289" s="102"/>
      <c r="G289" s="42"/>
      <c r="H289" s="13" t="s">
        <v>215</v>
      </c>
      <c r="I289" s="77">
        <v>13.841597077244259</v>
      </c>
      <c r="J289" s="64">
        <v>4577.4032258064517</v>
      </c>
      <c r="K289" s="18">
        <v>4651.1428571428569</v>
      </c>
      <c r="L289" s="128"/>
      <c r="M289" s="156"/>
      <c r="N289" s="119"/>
    </row>
    <row r="290" spans="1:14" ht="16.95" customHeight="1" x14ac:dyDescent="0.2">
      <c r="A290" s="99"/>
      <c r="B290" s="108"/>
      <c r="C290" s="108"/>
      <c r="D290" s="108"/>
      <c r="E290" s="102"/>
      <c r="F290" s="102"/>
      <c r="G290" s="41"/>
      <c r="H290" s="19"/>
      <c r="I290" s="78"/>
      <c r="J290" s="65"/>
      <c r="K290" s="6"/>
      <c r="L290" s="128"/>
      <c r="M290" s="156"/>
      <c r="N290" s="119"/>
    </row>
    <row r="291" spans="1:14" ht="16.95" customHeight="1" x14ac:dyDescent="0.2">
      <c r="A291" s="99"/>
      <c r="B291" s="108"/>
      <c r="C291" s="108"/>
      <c r="D291" s="108"/>
      <c r="E291" s="102"/>
      <c r="F291" s="102"/>
      <c r="G291" s="43"/>
      <c r="H291" s="19"/>
      <c r="I291" s="78"/>
      <c r="J291" s="65"/>
      <c r="K291" s="6"/>
      <c r="L291" s="128"/>
      <c r="M291" s="156"/>
      <c r="N291" s="119"/>
    </row>
    <row r="292" spans="1:14" ht="16.95" customHeight="1" thickBot="1" x14ac:dyDescent="0.25">
      <c r="A292" s="99"/>
      <c r="B292" s="108"/>
      <c r="C292" s="109"/>
      <c r="D292" s="109"/>
      <c r="E292" s="102"/>
      <c r="F292" s="103"/>
      <c r="G292" s="41"/>
      <c r="H292" s="22"/>
      <c r="I292" s="79"/>
      <c r="J292" s="66"/>
      <c r="K292" s="7"/>
      <c r="L292" s="129"/>
      <c r="M292" s="157"/>
      <c r="N292" s="120"/>
    </row>
    <row r="293" spans="1:14" ht="16.95" customHeight="1" thickTop="1" x14ac:dyDescent="0.2">
      <c r="A293" s="98">
        <v>25</v>
      </c>
      <c r="B293" s="108"/>
      <c r="C293" s="107" t="s">
        <v>232</v>
      </c>
      <c r="D293" s="107" t="s">
        <v>16</v>
      </c>
      <c r="E293" s="101" t="s">
        <v>302</v>
      </c>
      <c r="F293" s="101" t="s">
        <v>225</v>
      </c>
      <c r="G293" s="24" t="s">
        <v>11</v>
      </c>
      <c r="H293" s="9"/>
      <c r="I293" s="72"/>
      <c r="J293" s="59"/>
      <c r="K293" s="4"/>
      <c r="L293" s="127" t="s">
        <v>304</v>
      </c>
      <c r="M293" s="121" t="s">
        <v>332</v>
      </c>
      <c r="N293" s="124" t="s">
        <v>362</v>
      </c>
    </row>
    <row r="294" spans="1:14" ht="16.95" customHeight="1" x14ac:dyDescent="0.2">
      <c r="A294" s="99"/>
      <c r="B294" s="108"/>
      <c r="C294" s="108"/>
      <c r="D294" s="108"/>
      <c r="E294" s="102"/>
      <c r="F294" s="102"/>
      <c r="G294" s="32" t="s">
        <v>223</v>
      </c>
      <c r="H294" s="10" t="s">
        <v>210</v>
      </c>
      <c r="I294" s="73">
        <v>19350</v>
      </c>
      <c r="J294" s="60">
        <v>63</v>
      </c>
      <c r="K294" s="11">
        <v>63</v>
      </c>
      <c r="L294" s="128"/>
      <c r="M294" s="156"/>
      <c r="N294" s="119"/>
    </row>
    <row r="295" spans="1:14" ht="16.95" customHeight="1" x14ac:dyDescent="0.2">
      <c r="A295" s="99"/>
      <c r="B295" s="108"/>
      <c r="C295" s="108"/>
      <c r="D295" s="108"/>
      <c r="E295" s="102"/>
      <c r="F295" s="102"/>
      <c r="G295" s="25"/>
      <c r="H295" s="13" t="s">
        <v>211</v>
      </c>
      <c r="I295" s="74">
        <v>392822</v>
      </c>
      <c r="J295" s="61">
        <v>453037</v>
      </c>
      <c r="K295" s="14">
        <v>472885</v>
      </c>
      <c r="L295" s="128"/>
      <c r="M295" s="156"/>
      <c r="N295" s="119"/>
    </row>
    <row r="296" spans="1:14" ht="16.95" customHeight="1" x14ac:dyDescent="0.2">
      <c r="A296" s="99"/>
      <c r="B296" s="108"/>
      <c r="C296" s="108"/>
      <c r="D296" s="108"/>
      <c r="E296" s="102"/>
      <c r="F296" s="102"/>
      <c r="G296" s="25" t="s">
        <v>12</v>
      </c>
      <c r="H296" s="13" t="s">
        <v>212</v>
      </c>
      <c r="I296" s="74">
        <v>673383</v>
      </c>
      <c r="J296" s="61">
        <v>749986</v>
      </c>
      <c r="K296" s="14">
        <v>784865</v>
      </c>
      <c r="L296" s="128"/>
      <c r="M296" s="156"/>
      <c r="N296" s="119"/>
    </row>
    <row r="297" spans="1:14" ht="16.95" customHeight="1" x14ac:dyDescent="0.2">
      <c r="A297" s="99"/>
      <c r="B297" s="108"/>
      <c r="C297" s="108"/>
      <c r="D297" s="108"/>
      <c r="E297" s="102"/>
      <c r="F297" s="102"/>
      <c r="G297" s="25">
        <v>2464049</v>
      </c>
      <c r="H297" s="5"/>
      <c r="I297" s="75"/>
      <c r="J297" s="62"/>
      <c r="K297" s="15"/>
      <c r="L297" s="128"/>
      <c r="M297" s="156"/>
      <c r="N297" s="119"/>
    </row>
    <row r="298" spans="1:14" ht="16.95" customHeight="1" x14ac:dyDescent="0.2">
      <c r="A298" s="99"/>
      <c r="B298" s="108"/>
      <c r="C298" s="108"/>
      <c r="D298" s="108"/>
      <c r="E298" s="102"/>
      <c r="F298" s="102"/>
      <c r="G298" s="25"/>
      <c r="H298" s="5"/>
      <c r="I298" s="75"/>
      <c r="J298" s="62"/>
      <c r="K298" s="15"/>
      <c r="L298" s="128"/>
      <c r="M298" s="156"/>
      <c r="N298" s="119"/>
    </row>
    <row r="299" spans="1:14" ht="16.95" customHeight="1" x14ac:dyDescent="0.2">
      <c r="A299" s="99"/>
      <c r="B299" s="108"/>
      <c r="C299" s="108"/>
      <c r="D299" s="108"/>
      <c r="E299" s="102"/>
      <c r="F299" s="102"/>
      <c r="G299" s="25"/>
      <c r="H299" s="10" t="s">
        <v>213</v>
      </c>
      <c r="I299" s="76">
        <v>-280561</v>
      </c>
      <c r="J299" s="63">
        <v>-296949</v>
      </c>
      <c r="K299" s="16">
        <v>-311980</v>
      </c>
      <c r="L299" s="128"/>
      <c r="M299" s="156"/>
      <c r="N299" s="119"/>
    </row>
    <row r="300" spans="1:14" ht="16.95" customHeight="1" x14ac:dyDescent="0.2">
      <c r="A300" s="99"/>
      <c r="B300" s="108"/>
      <c r="C300" s="108"/>
      <c r="D300" s="108"/>
      <c r="E300" s="102"/>
      <c r="F300" s="102"/>
      <c r="G300" s="32"/>
      <c r="H300" s="13" t="s">
        <v>214</v>
      </c>
      <c r="I300" s="77">
        <v>34.800155038759691</v>
      </c>
      <c r="J300" s="64">
        <v>11904.539682539682</v>
      </c>
      <c r="K300" s="16">
        <v>12458.174603174602</v>
      </c>
      <c r="L300" s="128"/>
      <c r="M300" s="156"/>
      <c r="N300" s="119"/>
    </row>
    <row r="301" spans="1:14" ht="16.95" customHeight="1" x14ac:dyDescent="0.2">
      <c r="A301" s="99"/>
      <c r="B301" s="108"/>
      <c r="C301" s="108"/>
      <c r="D301" s="108"/>
      <c r="E301" s="102"/>
      <c r="F301" s="102"/>
      <c r="G301" s="25"/>
      <c r="H301" s="13" t="s">
        <v>215</v>
      </c>
      <c r="I301" s="77">
        <v>14.499276485788114</v>
      </c>
      <c r="J301" s="64">
        <v>4713.4761904761908</v>
      </c>
      <c r="K301" s="18">
        <v>4952.063492063492</v>
      </c>
      <c r="L301" s="128"/>
      <c r="M301" s="156"/>
      <c r="N301" s="119"/>
    </row>
    <row r="302" spans="1:14" ht="16.95" customHeight="1" x14ac:dyDescent="0.2">
      <c r="A302" s="99"/>
      <c r="B302" s="108"/>
      <c r="C302" s="108"/>
      <c r="D302" s="108"/>
      <c r="E302" s="102"/>
      <c r="F302" s="102"/>
      <c r="G302" s="25"/>
      <c r="H302" s="19"/>
      <c r="I302" s="78"/>
      <c r="J302" s="65"/>
      <c r="K302" s="6"/>
      <c r="L302" s="128"/>
      <c r="M302" s="156"/>
      <c r="N302" s="119"/>
    </row>
    <row r="303" spans="1:14" ht="16.95" customHeight="1" x14ac:dyDescent="0.2">
      <c r="A303" s="99"/>
      <c r="B303" s="108"/>
      <c r="C303" s="108"/>
      <c r="D303" s="108"/>
      <c r="E303" s="102"/>
      <c r="F303" s="102"/>
      <c r="G303" s="25"/>
      <c r="H303" s="19"/>
      <c r="I303" s="78"/>
      <c r="J303" s="65"/>
      <c r="K303" s="6"/>
      <c r="L303" s="128"/>
      <c r="M303" s="156"/>
      <c r="N303" s="119"/>
    </row>
    <row r="304" spans="1:14" ht="16.95" customHeight="1" thickBot="1" x14ac:dyDescent="0.25">
      <c r="A304" s="100"/>
      <c r="B304" s="109"/>
      <c r="C304" s="109"/>
      <c r="D304" s="109"/>
      <c r="E304" s="102"/>
      <c r="F304" s="103"/>
      <c r="G304" s="26"/>
      <c r="H304" s="22"/>
      <c r="I304" s="79"/>
      <c r="J304" s="66"/>
      <c r="K304" s="7"/>
      <c r="L304" s="129"/>
      <c r="M304" s="157"/>
      <c r="N304" s="120"/>
    </row>
    <row r="305" spans="1:14" ht="16.95" customHeight="1" thickTop="1" x14ac:dyDescent="0.2">
      <c r="A305" s="98">
        <v>26</v>
      </c>
      <c r="B305" s="101" t="s">
        <v>95</v>
      </c>
      <c r="C305" s="104" t="s">
        <v>98</v>
      </c>
      <c r="D305" s="107" t="s">
        <v>16</v>
      </c>
      <c r="E305" s="104" t="s">
        <v>99</v>
      </c>
      <c r="F305" s="104" t="s">
        <v>100</v>
      </c>
      <c r="G305" s="8" t="s">
        <v>11</v>
      </c>
      <c r="H305" s="9"/>
      <c r="I305" s="72"/>
      <c r="J305" s="59"/>
      <c r="K305" s="4"/>
      <c r="L305" s="113" t="s">
        <v>319</v>
      </c>
      <c r="M305" s="121"/>
      <c r="N305" s="124" t="s">
        <v>363</v>
      </c>
    </row>
    <row r="306" spans="1:14" ht="16.95" customHeight="1" x14ac:dyDescent="0.2">
      <c r="A306" s="99"/>
      <c r="B306" s="102"/>
      <c r="C306" s="105"/>
      <c r="D306" s="108"/>
      <c r="E306" s="105"/>
      <c r="F306" s="105"/>
      <c r="G306" s="12">
        <v>796185</v>
      </c>
      <c r="H306" s="10" t="s">
        <v>210</v>
      </c>
      <c r="I306" s="73">
        <v>55040</v>
      </c>
      <c r="J306" s="60">
        <v>58161</v>
      </c>
      <c r="K306" s="11">
        <v>58525</v>
      </c>
      <c r="L306" s="113"/>
      <c r="M306" s="156"/>
      <c r="N306" s="119"/>
    </row>
    <row r="307" spans="1:14" ht="16.95" customHeight="1" x14ac:dyDescent="0.2">
      <c r="A307" s="99"/>
      <c r="B307" s="102"/>
      <c r="C307" s="105"/>
      <c r="D307" s="108"/>
      <c r="E307" s="105"/>
      <c r="F307" s="105"/>
      <c r="G307" s="12"/>
      <c r="H307" s="13" t="s">
        <v>211</v>
      </c>
      <c r="I307" s="74">
        <v>4500</v>
      </c>
      <c r="J307" s="61">
        <v>0</v>
      </c>
      <c r="K307" s="14">
        <v>0</v>
      </c>
      <c r="L307" s="113"/>
      <c r="M307" s="156"/>
      <c r="N307" s="119"/>
    </row>
    <row r="308" spans="1:14" ht="16.95" customHeight="1" x14ac:dyDescent="0.2">
      <c r="A308" s="99"/>
      <c r="B308" s="102"/>
      <c r="C308" s="105"/>
      <c r="D308" s="108"/>
      <c r="E308" s="105"/>
      <c r="F308" s="105"/>
      <c r="G308" s="12" t="s">
        <v>12</v>
      </c>
      <c r="H308" s="13" t="s">
        <v>212</v>
      </c>
      <c r="I308" s="74">
        <v>328022</v>
      </c>
      <c r="J308" s="61">
        <v>279683</v>
      </c>
      <c r="K308" s="14">
        <v>301575</v>
      </c>
      <c r="L308" s="113"/>
      <c r="M308" s="156"/>
      <c r="N308" s="119"/>
    </row>
    <row r="309" spans="1:14" ht="16.95" customHeight="1" x14ac:dyDescent="0.2">
      <c r="A309" s="99"/>
      <c r="B309" s="102"/>
      <c r="C309" s="105"/>
      <c r="D309" s="108"/>
      <c r="E309" s="105"/>
      <c r="F309" s="105"/>
      <c r="G309" s="12">
        <v>642839</v>
      </c>
      <c r="H309" s="5"/>
      <c r="I309" s="75"/>
      <c r="J309" s="62"/>
      <c r="K309" s="15"/>
      <c r="L309" s="113"/>
      <c r="M309" s="156"/>
      <c r="N309" s="119"/>
    </row>
    <row r="310" spans="1:14" ht="16.95" customHeight="1" x14ac:dyDescent="0.2">
      <c r="A310" s="99"/>
      <c r="B310" s="102"/>
      <c r="C310" s="105"/>
      <c r="D310" s="108"/>
      <c r="E310" s="105"/>
      <c r="F310" s="105"/>
      <c r="G310" s="25"/>
      <c r="H310" s="5"/>
      <c r="I310" s="75"/>
      <c r="J310" s="62"/>
      <c r="K310" s="15"/>
      <c r="L310" s="113"/>
      <c r="M310" s="156"/>
      <c r="N310" s="119"/>
    </row>
    <row r="311" spans="1:14" ht="16.95" customHeight="1" x14ac:dyDescent="0.2">
      <c r="A311" s="99"/>
      <c r="B311" s="102"/>
      <c r="C311" s="105"/>
      <c r="D311" s="108"/>
      <c r="E311" s="105"/>
      <c r="F311" s="105"/>
      <c r="G311" s="25"/>
      <c r="H311" s="10" t="s">
        <v>213</v>
      </c>
      <c r="I311" s="76">
        <v>-323522</v>
      </c>
      <c r="J311" s="63">
        <v>-279683</v>
      </c>
      <c r="K311" s="16">
        <v>-301575</v>
      </c>
      <c r="L311" s="113"/>
      <c r="M311" s="156"/>
      <c r="N311" s="119"/>
    </row>
    <row r="312" spans="1:14" ht="16.95" customHeight="1" x14ac:dyDescent="0.2">
      <c r="A312" s="99"/>
      <c r="B312" s="102"/>
      <c r="C312" s="105"/>
      <c r="D312" s="108"/>
      <c r="E312" s="105"/>
      <c r="F312" s="105"/>
      <c r="G312" s="25"/>
      <c r="H312" s="13" t="s">
        <v>214</v>
      </c>
      <c r="I312" s="77">
        <v>5.9597020348837209</v>
      </c>
      <c r="J312" s="64">
        <v>4.8087722013032792</v>
      </c>
      <c r="K312" s="17">
        <v>5.1529260999572832</v>
      </c>
      <c r="L312" s="113"/>
      <c r="M312" s="156"/>
      <c r="N312" s="119"/>
    </row>
    <row r="313" spans="1:14" ht="16.95" customHeight="1" x14ac:dyDescent="0.2">
      <c r="A313" s="99"/>
      <c r="B313" s="102"/>
      <c r="C313" s="105"/>
      <c r="D313" s="108"/>
      <c r="E313" s="105"/>
      <c r="F313" s="105"/>
      <c r="G313" s="25"/>
      <c r="H313" s="13" t="s">
        <v>215</v>
      </c>
      <c r="I313" s="77">
        <v>5.8779433139534882</v>
      </c>
      <c r="J313" s="64">
        <v>4.8087722013032792</v>
      </c>
      <c r="K313" s="18">
        <v>5.1529260999572832</v>
      </c>
      <c r="L313" s="113"/>
      <c r="M313" s="156"/>
      <c r="N313" s="119"/>
    </row>
    <row r="314" spans="1:14" ht="16.95" customHeight="1" x14ac:dyDescent="0.2">
      <c r="A314" s="99"/>
      <c r="B314" s="102"/>
      <c r="C314" s="105"/>
      <c r="D314" s="108"/>
      <c r="E314" s="105"/>
      <c r="F314" s="105"/>
      <c r="G314" s="25"/>
      <c r="H314" s="19"/>
      <c r="I314" s="78"/>
      <c r="J314" s="65"/>
      <c r="K314" s="6"/>
      <c r="L314" s="113"/>
      <c r="M314" s="156"/>
      <c r="N314" s="119"/>
    </row>
    <row r="315" spans="1:14" ht="16.95" customHeight="1" x14ac:dyDescent="0.2">
      <c r="A315" s="99"/>
      <c r="B315" s="102"/>
      <c r="C315" s="105"/>
      <c r="D315" s="108"/>
      <c r="E315" s="105"/>
      <c r="F315" s="105"/>
      <c r="G315" s="25"/>
      <c r="H315" s="19"/>
      <c r="I315" s="78"/>
      <c r="J315" s="65"/>
      <c r="K315" s="6"/>
      <c r="L315" s="113"/>
      <c r="M315" s="156"/>
      <c r="N315" s="119"/>
    </row>
    <row r="316" spans="1:14" ht="16.95" customHeight="1" thickBot="1" x14ac:dyDescent="0.25">
      <c r="A316" s="100"/>
      <c r="B316" s="103"/>
      <c r="C316" s="106"/>
      <c r="D316" s="109"/>
      <c r="E316" s="106"/>
      <c r="F316" s="106"/>
      <c r="G316" s="26"/>
      <c r="H316" s="22"/>
      <c r="I316" s="79"/>
      <c r="J316" s="66"/>
      <c r="K316" s="7"/>
      <c r="L316" s="114"/>
      <c r="M316" s="157"/>
      <c r="N316" s="120"/>
    </row>
    <row r="317" spans="1:14" ht="16.95" customHeight="1" thickTop="1" x14ac:dyDescent="0.2">
      <c r="A317" s="98">
        <v>27</v>
      </c>
      <c r="B317" s="101" t="s">
        <v>95</v>
      </c>
      <c r="C317" s="104" t="s">
        <v>101</v>
      </c>
      <c r="D317" s="107" t="s">
        <v>102</v>
      </c>
      <c r="E317" s="104" t="s">
        <v>103</v>
      </c>
      <c r="F317" s="104" t="s">
        <v>104</v>
      </c>
      <c r="G317" s="8" t="s">
        <v>11</v>
      </c>
      <c r="H317" s="9"/>
      <c r="I317" s="72"/>
      <c r="J317" s="59"/>
      <c r="K317" s="4"/>
      <c r="L317" s="127" t="s">
        <v>305</v>
      </c>
      <c r="M317" s="121"/>
      <c r="N317" s="124" t="s">
        <v>364</v>
      </c>
    </row>
    <row r="318" spans="1:14" ht="16.95" customHeight="1" x14ac:dyDescent="0.2">
      <c r="A318" s="99"/>
      <c r="B318" s="102"/>
      <c r="C318" s="105"/>
      <c r="D318" s="108"/>
      <c r="E318" s="105"/>
      <c r="F318" s="105"/>
      <c r="G318" s="12">
        <v>227999</v>
      </c>
      <c r="H318" s="10" t="s">
        <v>210</v>
      </c>
      <c r="I318" s="73">
        <v>18764</v>
      </c>
      <c r="J318" s="60">
        <v>22599</v>
      </c>
      <c r="K318" s="11">
        <v>22679</v>
      </c>
      <c r="L318" s="128"/>
      <c r="M318" s="156"/>
      <c r="N318" s="119"/>
    </row>
    <row r="319" spans="1:14" ht="16.95" customHeight="1" x14ac:dyDescent="0.2">
      <c r="A319" s="99"/>
      <c r="B319" s="102"/>
      <c r="C319" s="105"/>
      <c r="D319" s="108"/>
      <c r="E319" s="105"/>
      <c r="F319" s="105"/>
      <c r="G319" s="12"/>
      <c r="H319" s="13" t="s">
        <v>211</v>
      </c>
      <c r="I319" s="74">
        <v>0</v>
      </c>
      <c r="J319" s="61">
        <v>0</v>
      </c>
      <c r="K319" s="14">
        <v>0</v>
      </c>
      <c r="L319" s="128"/>
      <c r="M319" s="156"/>
      <c r="N319" s="119"/>
    </row>
    <row r="320" spans="1:14" ht="16.95" customHeight="1" x14ac:dyDescent="0.2">
      <c r="A320" s="99"/>
      <c r="B320" s="102"/>
      <c r="C320" s="105"/>
      <c r="D320" s="108"/>
      <c r="E320" s="105"/>
      <c r="F320" s="105"/>
      <c r="G320" s="12" t="s">
        <v>12</v>
      </c>
      <c r="H320" s="13" t="s">
        <v>212</v>
      </c>
      <c r="I320" s="74">
        <v>154431</v>
      </c>
      <c r="J320" s="61">
        <v>154408</v>
      </c>
      <c r="K320" s="14">
        <v>155240</v>
      </c>
      <c r="L320" s="128"/>
      <c r="M320" s="156"/>
      <c r="N320" s="119"/>
    </row>
    <row r="321" spans="1:14" ht="16.95" customHeight="1" x14ac:dyDescent="0.2">
      <c r="A321" s="99"/>
      <c r="B321" s="102"/>
      <c r="C321" s="105"/>
      <c r="D321" s="108"/>
      <c r="E321" s="105"/>
      <c r="F321" s="105"/>
      <c r="G321" s="12">
        <v>67439</v>
      </c>
      <c r="H321" s="5"/>
      <c r="I321" s="75"/>
      <c r="J321" s="62"/>
      <c r="K321" s="15"/>
      <c r="L321" s="128"/>
      <c r="M321" s="156"/>
      <c r="N321" s="119"/>
    </row>
    <row r="322" spans="1:14" ht="16.95" customHeight="1" x14ac:dyDescent="0.2">
      <c r="A322" s="99"/>
      <c r="B322" s="102"/>
      <c r="C322" s="105"/>
      <c r="D322" s="108"/>
      <c r="E322" s="105"/>
      <c r="F322" s="105"/>
      <c r="G322" s="25"/>
      <c r="H322" s="5"/>
      <c r="I322" s="75"/>
      <c r="J322" s="62"/>
      <c r="K322" s="15"/>
      <c r="L322" s="128"/>
      <c r="M322" s="156"/>
      <c r="N322" s="119"/>
    </row>
    <row r="323" spans="1:14" ht="16.95" customHeight="1" x14ac:dyDescent="0.2">
      <c r="A323" s="99"/>
      <c r="B323" s="102"/>
      <c r="C323" s="105"/>
      <c r="D323" s="108"/>
      <c r="E323" s="105"/>
      <c r="F323" s="105"/>
      <c r="G323" s="25"/>
      <c r="H323" s="10" t="s">
        <v>213</v>
      </c>
      <c r="I323" s="76">
        <v>-154431</v>
      </c>
      <c r="J323" s="63">
        <v>-154408</v>
      </c>
      <c r="K323" s="16">
        <v>-155240</v>
      </c>
      <c r="L323" s="128"/>
      <c r="M323" s="156"/>
      <c r="N323" s="119"/>
    </row>
    <row r="324" spans="1:14" ht="16.95" customHeight="1" x14ac:dyDescent="0.2">
      <c r="A324" s="99"/>
      <c r="B324" s="102"/>
      <c r="C324" s="105"/>
      <c r="D324" s="108"/>
      <c r="E324" s="105"/>
      <c r="F324" s="105"/>
      <c r="G324" s="25"/>
      <c r="H324" s="13" t="s">
        <v>214</v>
      </c>
      <c r="I324" s="77">
        <v>8.2301748028138988</v>
      </c>
      <c r="J324" s="64">
        <v>6.8325147130403998</v>
      </c>
      <c r="K324" s="17">
        <v>6.8450989902553019</v>
      </c>
      <c r="L324" s="128"/>
      <c r="M324" s="156"/>
      <c r="N324" s="119"/>
    </row>
    <row r="325" spans="1:14" ht="16.95" customHeight="1" x14ac:dyDescent="0.2">
      <c r="A325" s="99"/>
      <c r="B325" s="102"/>
      <c r="C325" s="105"/>
      <c r="D325" s="108"/>
      <c r="E325" s="105"/>
      <c r="F325" s="105"/>
      <c r="G325" s="25"/>
      <c r="H325" s="13" t="s">
        <v>215</v>
      </c>
      <c r="I325" s="77">
        <v>8.2301748028138988</v>
      </c>
      <c r="J325" s="64">
        <v>6.8325147130403998</v>
      </c>
      <c r="K325" s="18">
        <v>6.8450989902553019</v>
      </c>
      <c r="L325" s="128"/>
      <c r="M325" s="156"/>
      <c r="N325" s="119"/>
    </row>
    <row r="326" spans="1:14" ht="16.95" customHeight="1" x14ac:dyDescent="0.2">
      <c r="A326" s="99"/>
      <c r="B326" s="102"/>
      <c r="C326" s="105"/>
      <c r="D326" s="108"/>
      <c r="E326" s="105"/>
      <c r="F326" s="105"/>
      <c r="G326" s="25"/>
      <c r="H326" s="19"/>
      <c r="I326" s="78"/>
      <c r="J326" s="65"/>
      <c r="K326" s="6"/>
      <c r="L326" s="128"/>
      <c r="M326" s="156"/>
      <c r="N326" s="119"/>
    </row>
    <row r="327" spans="1:14" ht="16.95" customHeight="1" x14ac:dyDescent="0.2">
      <c r="A327" s="99"/>
      <c r="B327" s="102"/>
      <c r="C327" s="105"/>
      <c r="D327" s="108"/>
      <c r="E327" s="105"/>
      <c r="F327" s="105"/>
      <c r="G327" s="25"/>
      <c r="H327" s="19"/>
      <c r="I327" s="78"/>
      <c r="J327" s="65"/>
      <c r="K327" s="6"/>
      <c r="L327" s="128"/>
      <c r="M327" s="156"/>
      <c r="N327" s="119"/>
    </row>
    <row r="328" spans="1:14" ht="16.95" customHeight="1" thickBot="1" x14ac:dyDescent="0.25">
      <c r="A328" s="99"/>
      <c r="B328" s="103"/>
      <c r="C328" s="106"/>
      <c r="D328" s="109"/>
      <c r="E328" s="106"/>
      <c r="F328" s="106"/>
      <c r="G328" s="26"/>
      <c r="H328" s="22"/>
      <c r="I328" s="79"/>
      <c r="J328" s="66"/>
      <c r="K328" s="7"/>
      <c r="L328" s="129"/>
      <c r="M328" s="157"/>
      <c r="N328" s="120"/>
    </row>
    <row r="329" spans="1:14" ht="16.95" customHeight="1" thickTop="1" x14ac:dyDescent="0.2">
      <c r="A329" s="98">
        <v>28</v>
      </c>
      <c r="B329" s="101" t="s">
        <v>95</v>
      </c>
      <c r="C329" s="104" t="s">
        <v>105</v>
      </c>
      <c r="D329" s="107" t="s">
        <v>106</v>
      </c>
      <c r="E329" s="101" t="s">
        <v>302</v>
      </c>
      <c r="F329" s="104" t="s">
        <v>107</v>
      </c>
      <c r="G329" s="24" t="s">
        <v>11</v>
      </c>
      <c r="H329" s="9"/>
      <c r="I329" s="72"/>
      <c r="J329" s="59"/>
      <c r="K329" s="4"/>
      <c r="L329" s="127" t="s">
        <v>306</v>
      </c>
      <c r="M329" s="121" t="s">
        <v>332</v>
      </c>
      <c r="N329" s="124" t="s">
        <v>365</v>
      </c>
    </row>
    <row r="330" spans="1:14" ht="16.95" customHeight="1" x14ac:dyDescent="0.2">
      <c r="A330" s="99"/>
      <c r="B330" s="102"/>
      <c r="C330" s="105"/>
      <c r="D330" s="108"/>
      <c r="E330" s="102"/>
      <c r="F330" s="105"/>
      <c r="G330" s="25">
        <v>1068507</v>
      </c>
      <c r="H330" s="10" t="s">
        <v>210</v>
      </c>
      <c r="I330" s="73">
        <v>36319</v>
      </c>
      <c r="J330" s="60">
        <v>103</v>
      </c>
      <c r="K330" s="11">
        <v>95</v>
      </c>
      <c r="L330" s="128"/>
      <c r="M330" s="156"/>
      <c r="N330" s="119"/>
    </row>
    <row r="331" spans="1:14" ht="16.95" customHeight="1" x14ac:dyDescent="0.2">
      <c r="A331" s="99"/>
      <c r="B331" s="102"/>
      <c r="C331" s="105"/>
      <c r="D331" s="108"/>
      <c r="E331" s="102"/>
      <c r="F331" s="105"/>
      <c r="G331" s="25"/>
      <c r="H331" s="13" t="s">
        <v>211</v>
      </c>
      <c r="I331" s="74">
        <v>774852</v>
      </c>
      <c r="J331" s="61">
        <v>761397</v>
      </c>
      <c r="K331" s="14">
        <v>859801</v>
      </c>
      <c r="L331" s="128"/>
      <c r="M331" s="156"/>
      <c r="N331" s="119"/>
    </row>
    <row r="332" spans="1:14" ht="16.95" customHeight="1" x14ac:dyDescent="0.2">
      <c r="A332" s="99"/>
      <c r="B332" s="102"/>
      <c r="C332" s="105"/>
      <c r="D332" s="108"/>
      <c r="E332" s="102"/>
      <c r="F332" s="105"/>
      <c r="G332" s="25" t="s">
        <v>12</v>
      </c>
      <c r="H332" s="13" t="s">
        <v>212</v>
      </c>
      <c r="I332" s="74">
        <v>985000</v>
      </c>
      <c r="J332" s="61">
        <v>1069005</v>
      </c>
      <c r="K332" s="14">
        <v>1090413</v>
      </c>
      <c r="L332" s="128"/>
      <c r="M332" s="156"/>
      <c r="N332" s="119"/>
    </row>
    <row r="333" spans="1:14" ht="16.95" customHeight="1" x14ac:dyDescent="0.2">
      <c r="A333" s="99"/>
      <c r="B333" s="102"/>
      <c r="C333" s="105"/>
      <c r="D333" s="108"/>
      <c r="E333" s="102"/>
      <c r="F333" s="105"/>
      <c r="G333" s="25">
        <v>447957</v>
      </c>
      <c r="H333" s="5"/>
      <c r="I333" s="82"/>
      <c r="J333" s="62"/>
      <c r="K333" s="15"/>
      <c r="L333" s="128"/>
      <c r="M333" s="156"/>
      <c r="N333" s="119"/>
    </row>
    <row r="334" spans="1:14" ht="16.95" customHeight="1" x14ac:dyDescent="0.2">
      <c r="A334" s="99"/>
      <c r="B334" s="102"/>
      <c r="C334" s="105"/>
      <c r="D334" s="108"/>
      <c r="E334" s="102"/>
      <c r="F334" s="105"/>
      <c r="G334" s="25"/>
      <c r="H334" s="5"/>
      <c r="I334" s="75"/>
      <c r="J334" s="62"/>
      <c r="K334" s="15"/>
      <c r="L334" s="128"/>
      <c r="M334" s="156"/>
      <c r="N334" s="119"/>
    </row>
    <row r="335" spans="1:14" ht="16.95" customHeight="1" x14ac:dyDescent="0.2">
      <c r="A335" s="99"/>
      <c r="B335" s="102"/>
      <c r="C335" s="105"/>
      <c r="D335" s="108"/>
      <c r="E335" s="102"/>
      <c r="F335" s="105"/>
      <c r="G335" s="25"/>
      <c r="H335" s="10" t="s">
        <v>213</v>
      </c>
      <c r="I335" s="76">
        <v>-210148</v>
      </c>
      <c r="J335" s="63">
        <v>-307608</v>
      </c>
      <c r="K335" s="16">
        <v>-230612</v>
      </c>
      <c r="L335" s="128"/>
      <c r="M335" s="156"/>
      <c r="N335" s="119"/>
    </row>
    <row r="336" spans="1:14" ht="16.95" customHeight="1" x14ac:dyDescent="0.2">
      <c r="A336" s="99"/>
      <c r="B336" s="102"/>
      <c r="C336" s="105"/>
      <c r="D336" s="108"/>
      <c r="E336" s="102"/>
      <c r="F336" s="105"/>
      <c r="G336" s="25"/>
      <c r="H336" s="13" t="s">
        <v>214</v>
      </c>
      <c r="I336" s="77">
        <v>27.120790770671</v>
      </c>
      <c r="J336" s="64">
        <v>10378.68932038835</v>
      </c>
      <c r="K336" s="17">
        <v>11478.031578947368</v>
      </c>
      <c r="L336" s="128"/>
      <c r="M336" s="156"/>
      <c r="N336" s="119"/>
    </row>
    <row r="337" spans="1:14" ht="16.95" customHeight="1" x14ac:dyDescent="0.2">
      <c r="A337" s="99"/>
      <c r="B337" s="102"/>
      <c r="C337" s="105"/>
      <c r="D337" s="108"/>
      <c r="E337" s="102"/>
      <c r="F337" s="105"/>
      <c r="G337" s="25"/>
      <c r="H337" s="13" t="s">
        <v>215</v>
      </c>
      <c r="I337" s="77">
        <v>5.7861725267766184</v>
      </c>
      <c r="J337" s="64">
        <v>2986.4854368932038</v>
      </c>
      <c r="K337" s="18">
        <v>2427.4947368421053</v>
      </c>
      <c r="L337" s="128"/>
      <c r="M337" s="156"/>
      <c r="N337" s="119"/>
    </row>
    <row r="338" spans="1:14" ht="16.95" customHeight="1" x14ac:dyDescent="0.2">
      <c r="A338" s="99"/>
      <c r="B338" s="102"/>
      <c r="C338" s="105"/>
      <c r="D338" s="108"/>
      <c r="E338" s="102"/>
      <c r="F338" s="105"/>
      <c r="G338" s="25"/>
      <c r="H338" s="19"/>
      <c r="I338" s="78"/>
      <c r="J338" s="65"/>
      <c r="K338" s="6"/>
      <c r="L338" s="128"/>
      <c r="M338" s="156"/>
      <c r="N338" s="119"/>
    </row>
    <row r="339" spans="1:14" ht="16.95" customHeight="1" x14ac:dyDescent="0.2">
      <c r="A339" s="99"/>
      <c r="B339" s="102"/>
      <c r="C339" s="105"/>
      <c r="D339" s="108"/>
      <c r="E339" s="102"/>
      <c r="F339" s="105"/>
      <c r="G339" s="25"/>
      <c r="H339" s="19"/>
      <c r="I339" s="78"/>
      <c r="J339" s="65"/>
      <c r="K339" s="6"/>
      <c r="L339" s="128"/>
      <c r="M339" s="156"/>
      <c r="N339" s="119"/>
    </row>
    <row r="340" spans="1:14" ht="16.95" customHeight="1" thickBot="1" x14ac:dyDescent="0.25">
      <c r="A340" s="100"/>
      <c r="B340" s="103"/>
      <c r="C340" s="106"/>
      <c r="D340" s="109"/>
      <c r="E340" s="103"/>
      <c r="F340" s="106"/>
      <c r="G340" s="26"/>
      <c r="H340" s="22"/>
      <c r="I340" s="79"/>
      <c r="J340" s="66"/>
      <c r="K340" s="7"/>
      <c r="L340" s="129"/>
      <c r="M340" s="157"/>
      <c r="N340" s="120"/>
    </row>
    <row r="341" spans="1:14" ht="16.95" customHeight="1" thickTop="1" x14ac:dyDescent="0.2">
      <c r="A341" s="98">
        <v>29</v>
      </c>
      <c r="B341" s="101" t="s">
        <v>95</v>
      </c>
      <c r="C341" s="104" t="s">
        <v>108</v>
      </c>
      <c r="D341" s="107" t="s">
        <v>106</v>
      </c>
      <c r="E341" s="101" t="s">
        <v>302</v>
      </c>
      <c r="F341" s="104" t="s">
        <v>109</v>
      </c>
      <c r="G341" s="24" t="s">
        <v>11</v>
      </c>
      <c r="H341" s="9"/>
      <c r="I341" s="72"/>
      <c r="J341" s="59"/>
      <c r="K341" s="4"/>
      <c r="L341" s="127" t="s">
        <v>307</v>
      </c>
      <c r="M341" s="121" t="s">
        <v>332</v>
      </c>
      <c r="N341" s="124" t="s">
        <v>366</v>
      </c>
    </row>
    <row r="342" spans="1:14" ht="16.95" customHeight="1" x14ac:dyDescent="0.2">
      <c r="A342" s="99"/>
      <c r="B342" s="102"/>
      <c r="C342" s="105"/>
      <c r="D342" s="108"/>
      <c r="E342" s="102"/>
      <c r="F342" s="105"/>
      <c r="G342" s="25">
        <v>265856</v>
      </c>
      <c r="H342" s="10" t="s">
        <v>210</v>
      </c>
      <c r="I342" s="73">
        <v>32305</v>
      </c>
      <c r="J342" s="60">
        <v>103</v>
      </c>
      <c r="K342" s="11">
        <v>92</v>
      </c>
      <c r="L342" s="128"/>
      <c r="M342" s="156"/>
      <c r="N342" s="119"/>
    </row>
    <row r="343" spans="1:14" ht="16.95" customHeight="1" x14ac:dyDescent="0.2">
      <c r="A343" s="99"/>
      <c r="B343" s="102"/>
      <c r="C343" s="105"/>
      <c r="D343" s="108"/>
      <c r="E343" s="102"/>
      <c r="F343" s="105"/>
      <c r="G343" s="25"/>
      <c r="H343" s="13" t="s">
        <v>211</v>
      </c>
      <c r="I343" s="74">
        <v>589710</v>
      </c>
      <c r="J343" s="61">
        <v>594091</v>
      </c>
      <c r="K343" s="14">
        <v>600556</v>
      </c>
      <c r="L343" s="128"/>
      <c r="M343" s="156"/>
      <c r="N343" s="119"/>
    </row>
    <row r="344" spans="1:14" ht="16.95" customHeight="1" x14ac:dyDescent="0.2">
      <c r="A344" s="99"/>
      <c r="B344" s="102"/>
      <c r="C344" s="105"/>
      <c r="D344" s="108"/>
      <c r="E344" s="102"/>
      <c r="F344" s="105"/>
      <c r="G344" s="25" t="s">
        <v>12</v>
      </c>
      <c r="H344" s="13" t="s">
        <v>212</v>
      </c>
      <c r="I344" s="74">
        <v>831506</v>
      </c>
      <c r="J344" s="61">
        <v>798608</v>
      </c>
      <c r="K344" s="14">
        <v>806227</v>
      </c>
      <c r="L344" s="128"/>
      <c r="M344" s="156"/>
      <c r="N344" s="119"/>
    </row>
    <row r="345" spans="1:14" ht="16.95" customHeight="1" x14ac:dyDescent="0.2">
      <c r="A345" s="99"/>
      <c r="B345" s="102"/>
      <c r="C345" s="105"/>
      <c r="D345" s="108"/>
      <c r="E345" s="102"/>
      <c r="F345" s="105"/>
      <c r="G345" s="25">
        <v>1123176</v>
      </c>
      <c r="H345" s="5"/>
      <c r="I345" s="75"/>
      <c r="J345" s="62"/>
      <c r="K345" s="15"/>
      <c r="L345" s="128"/>
      <c r="M345" s="156"/>
      <c r="N345" s="119"/>
    </row>
    <row r="346" spans="1:14" ht="16.95" customHeight="1" x14ac:dyDescent="0.2">
      <c r="A346" s="99"/>
      <c r="B346" s="102"/>
      <c r="C346" s="105"/>
      <c r="D346" s="108"/>
      <c r="E346" s="102"/>
      <c r="F346" s="105"/>
      <c r="G346" s="25"/>
      <c r="H346" s="5"/>
      <c r="I346" s="75"/>
      <c r="J346" s="62"/>
      <c r="K346" s="15"/>
      <c r="L346" s="128"/>
      <c r="M346" s="156"/>
      <c r="N346" s="119"/>
    </row>
    <row r="347" spans="1:14" ht="16.95" customHeight="1" x14ac:dyDescent="0.2">
      <c r="A347" s="99"/>
      <c r="B347" s="102"/>
      <c r="C347" s="105"/>
      <c r="D347" s="108"/>
      <c r="E347" s="102"/>
      <c r="F347" s="105"/>
      <c r="G347" s="25"/>
      <c r="H347" s="10" t="s">
        <v>213</v>
      </c>
      <c r="I347" s="76">
        <v>-241796</v>
      </c>
      <c r="J347" s="63">
        <v>-204517</v>
      </c>
      <c r="K347" s="16">
        <v>-205671</v>
      </c>
      <c r="L347" s="128"/>
      <c r="M347" s="156"/>
      <c r="N347" s="119"/>
    </row>
    <row r="348" spans="1:14" ht="16.95" customHeight="1" x14ac:dyDescent="0.2">
      <c r="A348" s="99"/>
      <c r="B348" s="102"/>
      <c r="C348" s="105"/>
      <c r="D348" s="108"/>
      <c r="E348" s="102"/>
      <c r="F348" s="105"/>
      <c r="G348" s="25"/>
      <c r="H348" s="13" t="s">
        <v>214</v>
      </c>
      <c r="I348" s="77">
        <v>25.739235412474848</v>
      </c>
      <c r="J348" s="64">
        <v>7753.4757281553402</v>
      </c>
      <c r="K348" s="17">
        <v>8763.3369565217399</v>
      </c>
      <c r="L348" s="128"/>
      <c r="M348" s="156"/>
      <c r="N348" s="119"/>
    </row>
    <row r="349" spans="1:14" ht="16.95" customHeight="1" x14ac:dyDescent="0.2">
      <c r="A349" s="99"/>
      <c r="B349" s="102"/>
      <c r="C349" s="105"/>
      <c r="D349" s="108"/>
      <c r="E349" s="102"/>
      <c r="F349" s="105"/>
      <c r="G349" s="25"/>
      <c r="H349" s="13" t="s">
        <v>215</v>
      </c>
      <c r="I349" s="77">
        <v>7.4847856368983132</v>
      </c>
      <c r="J349" s="64">
        <v>1985.6019417475727</v>
      </c>
      <c r="K349" s="18">
        <v>2235.554347826087</v>
      </c>
      <c r="L349" s="128"/>
      <c r="M349" s="156"/>
      <c r="N349" s="119"/>
    </row>
    <row r="350" spans="1:14" ht="16.95" customHeight="1" x14ac:dyDescent="0.2">
      <c r="A350" s="99"/>
      <c r="B350" s="102"/>
      <c r="C350" s="105"/>
      <c r="D350" s="108"/>
      <c r="E350" s="102"/>
      <c r="F350" s="105"/>
      <c r="G350" s="25"/>
      <c r="H350" s="19"/>
      <c r="I350" s="78"/>
      <c r="J350" s="65"/>
      <c r="K350" s="6"/>
      <c r="L350" s="128"/>
      <c r="M350" s="156"/>
      <c r="N350" s="119"/>
    </row>
    <row r="351" spans="1:14" ht="16.95" customHeight="1" x14ac:dyDescent="0.2">
      <c r="A351" s="99"/>
      <c r="B351" s="102"/>
      <c r="C351" s="105"/>
      <c r="D351" s="108"/>
      <c r="E351" s="102"/>
      <c r="F351" s="105"/>
      <c r="G351" s="25"/>
      <c r="H351" s="19"/>
      <c r="I351" s="78"/>
      <c r="J351" s="65"/>
      <c r="K351" s="6"/>
      <c r="L351" s="128"/>
      <c r="M351" s="156"/>
      <c r="N351" s="119"/>
    </row>
    <row r="352" spans="1:14" ht="16.95" customHeight="1" thickBot="1" x14ac:dyDescent="0.25">
      <c r="A352" s="100"/>
      <c r="B352" s="103"/>
      <c r="C352" s="106"/>
      <c r="D352" s="109"/>
      <c r="E352" s="103"/>
      <c r="F352" s="106"/>
      <c r="G352" s="26"/>
      <c r="H352" s="22"/>
      <c r="I352" s="79"/>
      <c r="J352" s="66"/>
      <c r="K352" s="7"/>
      <c r="L352" s="129"/>
      <c r="M352" s="157"/>
      <c r="N352" s="120"/>
    </row>
    <row r="353" spans="1:14" ht="16.95" customHeight="1" thickTop="1" x14ac:dyDescent="0.2">
      <c r="A353" s="98">
        <v>30</v>
      </c>
      <c r="B353" s="101" t="s">
        <v>95</v>
      </c>
      <c r="C353" s="104" t="s">
        <v>110</v>
      </c>
      <c r="D353" s="107" t="s">
        <v>111</v>
      </c>
      <c r="E353" s="104" t="s">
        <v>308</v>
      </c>
      <c r="F353" s="104" t="s">
        <v>112</v>
      </c>
      <c r="G353" s="24" t="s">
        <v>11</v>
      </c>
      <c r="H353" s="9"/>
      <c r="I353" s="72"/>
      <c r="J353" s="59"/>
      <c r="K353" s="4"/>
      <c r="L353" s="127" t="s">
        <v>309</v>
      </c>
      <c r="M353" s="121" t="s">
        <v>332</v>
      </c>
      <c r="N353" s="124" t="s">
        <v>367</v>
      </c>
    </row>
    <row r="354" spans="1:14" ht="16.95" customHeight="1" x14ac:dyDescent="0.2">
      <c r="A354" s="99"/>
      <c r="B354" s="102"/>
      <c r="C354" s="105"/>
      <c r="D354" s="108"/>
      <c r="E354" s="105"/>
      <c r="F354" s="105"/>
      <c r="G354" s="25">
        <v>1736178</v>
      </c>
      <c r="H354" s="10" t="s">
        <v>210</v>
      </c>
      <c r="I354" s="73">
        <v>39398</v>
      </c>
      <c r="J354" s="60">
        <v>113</v>
      </c>
      <c r="K354" s="11">
        <v>95</v>
      </c>
      <c r="L354" s="128"/>
      <c r="M354" s="156"/>
      <c r="N354" s="119"/>
    </row>
    <row r="355" spans="1:14" ht="16.95" customHeight="1" x14ac:dyDescent="0.2">
      <c r="A355" s="99"/>
      <c r="B355" s="102"/>
      <c r="C355" s="105"/>
      <c r="D355" s="108"/>
      <c r="E355" s="105"/>
      <c r="F355" s="105"/>
      <c r="G355" s="25"/>
      <c r="H355" s="13" t="s">
        <v>211</v>
      </c>
      <c r="I355" s="74">
        <v>692022</v>
      </c>
      <c r="J355" s="61">
        <v>667056</v>
      </c>
      <c r="K355" s="14">
        <v>679800</v>
      </c>
      <c r="L355" s="128"/>
      <c r="M355" s="156"/>
      <c r="N355" s="119"/>
    </row>
    <row r="356" spans="1:14" ht="16.95" customHeight="1" x14ac:dyDescent="0.2">
      <c r="A356" s="99"/>
      <c r="B356" s="102"/>
      <c r="C356" s="105"/>
      <c r="D356" s="108"/>
      <c r="E356" s="105"/>
      <c r="F356" s="105"/>
      <c r="G356" s="25" t="s">
        <v>12</v>
      </c>
      <c r="H356" s="13" t="s">
        <v>212</v>
      </c>
      <c r="I356" s="74">
        <v>1224761</v>
      </c>
      <c r="J356" s="61">
        <v>1164927</v>
      </c>
      <c r="K356" s="14">
        <v>1177742</v>
      </c>
      <c r="L356" s="128"/>
      <c r="M356" s="156"/>
      <c r="N356" s="119"/>
    </row>
    <row r="357" spans="1:14" ht="16.95" customHeight="1" x14ac:dyDescent="0.2">
      <c r="A357" s="99"/>
      <c r="B357" s="102"/>
      <c r="C357" s="105"/>
      <c r="D357" s="108"/>
      <c r="E357" s="105"/>
      <c r="F357" s="105"/>
      <c r="G357" s="25">
        <v>379162</v>
      </c>
      <c r="H357" s="5"/>
      <c r="I357" s="75"/>
      <c r="J357" s="62"/>
      <c r="K357" s="15"/>
      <c r="L357" s="128"/>
      <c r="M357" s="156"/>
      <c r="N357" s="119"/>
    </row>
    <row r="358" spans="1:14" ht="16.95" customHeight="1" x14ac:dyDescent="0.2">
      <c r="A358" s="99"/>
      <c r="B358" s="102"/>
      <c r="C358" s="105"/>
      <c r="D358" s="108"/>
      <c r="E358" s="105"/>
      <c r="F358" s="105"/>
      <c r="G358" s="25"/>
      <c r="H358" s="5"/>
      <c r="I358" s="75"/>
      <c r="J358" s="62"/>
      <c r="K358" s="15"/>
      <c r="L358" s="128"/>
      <c r="M358" s="156"/>
      <c r="N358" s="119"/>
    </row>
    <row r="359" spans="1:14" ht="16.95" customHeight="1" x14ac:dyDescent="0.2">
      <c r="A359" s="99"/>
      <c r="B359" s="102"/>
      <c r="C359" s="105"/>
      <c r="D359" s="108"/>
      <c r="E359" s="105"/>
      <c r="F359" s="105"/>
      <c r="G359" s="25"/>
      <c r="H359" s="10" t="s">
        <v>213</v>
      </c>
      <c r="I359" s="76">
        <v>-532739</v>
      </c>
      <c r="J359" s="63">
        <v>-497871</v>
      </c>
      <c r="K359" s="16">
        <v>-497942</v>
      </c>
      <c r="L359" s="128"/>
      <c r="M359" s="156"/>
      <c r="N359" s="119"/>
    </row>
    <row r="360" spans="1:14" ht="16.95" customHeight="1" x14ac:dyDescent="0.2">
      <c r="A360" s="99"/>
      <c r="B360" s="102"/>
      <c r="C360" s="105"/>
      <c r="D360" s="108"/>
      <c r="E360" s="105"/>
      <c r="F360" s="105"/>
      <c r="G360" s="25"/>
      <c r="H360" s="13" t="s">
        <v>214</v>
      </c>
      <c r="I360" s="77">
        <v>31.086882582872228</v>
      </c>
      <c r="J360" s="64">
        <v>10309.088495575221</v>
      </c>
      <c r="K360" s="17">
        <v>12397.284210526315</v>
      </c>
      <c r="L360" s="128"/>
      <c r="M360" s="156"/>
      <c r="N360" s="119"/>
    </row>
    <row r="361" spans="1:14" ht="16.95" customHeight="1" x14ac:dyDescent="0.2">
      <c r="A361" s="99"/>
      <c r="B361" s="102"/>
      <c r="C361" s="105"/>
      <c r="D361" s="108"/>
      <c r="E361" s="105"/>
      <c r="F361" s="105"/>
      <c r="G361" s="25"/>
      <c r="H361" s="13" t="s">
        <v>215</v>
      </c>
      <c r="I361" s="77">
        <v>13.521980811208691</v>
      </c>
      <c r="J361" s="64">
        <v>4405.9380530973449</v>
      </c>
      <c r="K361" s="18">
        <v>5241.4947368421053</v>
      </c>
      <c r="L361" s="128"/>
      <c r="M361" s="156"/>
      <c r="N361" s="119"/>
    </row>
    <row r="362" spans="1:14" ht="16.95" customHeight="1" x14ac:dyDescent="0.2">
      <c r="A362" s="99"/>
      <c r="B362" s="102"/>
      <c r="C362" s="105"/>
      <c r="D362" s="108"/>
      <c r="E362" s="105"/>
      <c r="F362" s="105"/>
      <c r="G362" s="25"/>
      <c r="H362" s="19"/>
      <c r="I362" s="78"/>
      <c r="J362" s="65"/>
      <c r="K362" s="6"/>
      <c r="L362" s="128"/>
      <c r="M362" s="156"/>
      <c r="N362" s="119"/>
    </row>
    <row r="363" spans="1:14" ht="16.95" customHeight="1" x14ac:dyDescent="0.2">
      <c r="A363" s="99"/>
      <c r="B363" s="102"/>
      <c r="C363" s="105"/>
      <c r="D363" s="108"/>
      <c r="E363" s="105"/>
      <c r="F363" s="105"/>
      <c r="G363" s="25"/>
      <c r="H363" s="19"/>
      <c r="I363" s="78"/>
      <c r="J363" s="65"/>
      <c r="K363" s="6"/>
      <c r="L363" s="128"/>
      <c r="M363" s="156"/>
      <c r="N363" s="119"/>
    </row>
    <row r="364" spans="1:14" ht="16.95" customHeight="1" thickBot="1" x14ac:dyDescent="0.25">
      <c r="A364" s="100"/>
      <c r="B364" s="103"/>
      <c r="C364" s="106"/>
      <c r="D364" s="109"/>
      <c r="E364" s="106"/>
      <c r="F364" s="106"/>
      <c r="G364" s="26"/>
      <c r="H364" s="22"/>
      <c r="I364" s="79"/>
      <c r="J364" s="66"/>
      <c r="K364" s="7"/>
      <c r="L364" s="129"/>
      <c r="M364" s="157"/>
      <c r="N364" s="120"/>
    </row>
    <row r="365" spans="1:14" ht="16.95" customHeight="1" thickTop="1" x14ac:dyDescent="0.2">
      <c r="A365" s="98">
        <v>31</v>
      </c>
      <c r="B365" s="101" t="s">
        <v>113</v>
      </c>
      <c r="C365" s="139" t="s">
        <v>114</v>
      </c>
      <c r="D365" s="107" t="s">
        <v>106</v>
      </c>
      <c r="E365" s="104" t="s">
        <v>115</v>
      </c>
      <c r="F365" s="104" t="s">
        <v>226</v>
      </c>
      <c r="G365" s="24" t="s">
        <v>11</v>
      </c>
      <c r="H365" s="9"/>
      <c r="I365" s="72"/>
      <c r="J365" s="59"/>
      <c r="K365" s="4"/>
      <c r="L365" s="127" t="s">
        <v>320</v>
      </c>
      <c r="M365" s="134"/>
      <c r="N365" s="124" t="s">
        <v>368</v>
      </c>
    </row>
    <row r="366" spans="1:14" ht="16.95" customHeight="1" x14ac:dyDescent="0.2">
      <c r="A366" s="99"/>
      <c r="B366" s="102"/>
      <c r="C366" s="140"/>
      <c r="D366" s="108"/>
      <c r="E366" s="105"/>
      <c r="F366" s="105"/>
      <c r="G366" s="25">
        <v>3036031</v>
      </c>
      <c r="H366" s="10" t="s">
        <v>210</v>
      </c>
      <c r="I366" s="73">
        <v>176051</v>
      </c>
      <c r="J366" s="60">
        <v>178819</v>
      </c>
      <c r="K366" s="11">
        <v>176349</v>
      </c>
      <c r="L366" s="128"/>
      <c r="M366" s="105"/>
      <c r="N366" s="119"/>
    </row>
    <row r="367" spans="1:14" ht="16.95" customHeight="1" x14ac:dyDescent="0.2">
      <c r="A367" s="99"/>
      <c r="B367" s="102"/>
      <c r="C367" s="140"/>
      <c r="D367" s="108"/>
      <c r="E367" s="105"/>
      <c r="F367" s="105"/>
      <c r="G367" s="25"/>
      <c r="H367" s="13" t="s">
        <v>211</v>
      </c>
      <c r="I367" s="74">
        <v>4545947</v>
      </c>
      <c r="J367" s="61">
        <v>4706976</v>
      </c>
      <c r="K367" s="14">
        <v>4815611</v>
      </c>
      <c r="L367" s="128"/>
      <c r="M367" s="105"/>
      <c r="N367" s="119"/>
    </row>
    <row r="368" spans="1:14" ht="16.95" customHeight="1" x14ac:dyDescent="0.2">
      <c r="A368" s="99"/>
      <c r="B368" s="102"/>
      <c r="C368" s="140"/>
      <c r="D368" s="108"/>
      <c r="E368" s="105"/>
      <c r="F368" s="105"/>
      <c r="G368" s="25" t="s">
        <v>12</v>
      </c>
      <c r="H368" s="13" t="s">
        <v>212</v>
      </c>
      <c r="I368" s="74">
        <v>7137066</v>
      </c>
      <c r="J368" s="61">
        <v>7360510</v>
      </c>
      <c r="K368" s="14">
        <v>7459201</v>
      </c>
      <c r="L368" s="128"/>
      <c r="M368" s="105"/>
      <c r="N368" s="119"/>
    </row>
    <row r="369" spans="1:14" ht="16.95" customHeight="1" x14ac:dyDescent="0.2">
      <c r="A369" s="99"/>
      <c r="B369" s="102"/>
      <c r="C369" s="140"/>
      <c r="D369" s="108"/>
      <c r="E369" s="105"/>
      <c r="F369" s="105"/>
      <c r="G369" s="25">
        <v>14518294</v>
      </c>
      <c r="H369" s="5"/>
      <c r="I369" s="75"/>
      <c r="J369" s="62"/>
      <c r="K369" s="15"/>
      <c r="L369" s="128"/>
      <c r="M369" s="105"/>
      <c r="N369" s="119"/>
    </row>
    <row r="370" spans="1:14" ht="16.95" customHeight="1" x14ac:dyDescent="0.2">
      <c r="A370" s="99"/>
      <c r="B370" s="102"/>
      <c r="C370" s="140"/>
      <c r="D370" s="108"/>
      <c r="E370" s="105"/>
      <c r="F370" s="105"/>
      <c r="G370" s="25"/>
      <c r="H370" s="5"/>
      <c r="I370" s="75"/>
      <c r="J370" s="62"/>
      <c r="K370" s="15"/>
      <c r="L370" s="128"/>
      <c r="M370" s="105"/>
      <c r="N370" s="119"/>
    </row>
    <row r="371" spans="1:14" ht="16.95" customHeight="1" x14ac:dyDescent="0.2">
      <c r="A371" s="99"/>
      <c r="B371" s="102"/>
      <c r="C371" s="140"/>
      <c r="D371" s="108"/>
      <c r="E371" s="105"/>
      <c r="F371" s="105"/>
      <c r="G371" s="25"/>
      <c r="H371" s="10" t="s">
        <v>213</v>
      </c>
      <c r="I371" s="76">
        <v>-2591119</v>
      </c>
      <c r="J371" s="63">
        <v>-2653534</v>
      </c>
      <c r="K371" s="16">
        <v>-2643590</v>
      </c>
      <c r="L371" s="128"/>
      <c r="M371" s="105"/>
      <c r="N371" s="119"/>
    </row>
    <row r="372" spans="1:14" ht="16.95" customHeight="1" x14ac:dyDescent="0.2">
      <c r="A372" s="99"/>
      <c r="B372" s="102"/>
      <c r="C372" s="140"/>
      <c r="D372" s="108"/>
      <c r="E372" s="105"/>
      <c r="F372" s="105"/>
      <c r="G372" s="25"/>
      <c r="H372" s="13" t="s">
        <v>214</v>
      </c>
      <c r="I372" s="77">
        <v>40.539764045645867</v>
      </c>
      <c r="J372" s="64">
        <v>41.161789295320965</v>
      </c>
      <c r="K372" s="17">
        <v>42.297948953495627</v>
      </c>
      <c r="L372" s="128"/>
      <c r="M372" s="105"/>
      <c r="N372" s="119"/>
    </row>
    <row r="373" spans="1:14" ht="16.95" customHeight="1" x14ac:dyDescent="0.2">
      <c r="A373" s="99"/>
      <c r="B373" s="102"/>
      <c r="C373" s="140"/>
      <c r="D373" s="108"/>
      <c r="E373" s="105"/>
      <c r="F373" s="105"/>
      <c r="G373" s="25"/>
      <c r="H373" s="13" t="s">
        <v>215</v>
      </c>
      <c r="I373" s="77">
        <v>14.718002169825789</v>
      </c>
      <c r="J373" s="64">
        <v>14.839217309122633</v>
      </c>
      <c r="K373" s="18">
        <v>14.990671906276757</v>
      </c>
      <c r="L373" s="128"/>
      <c r="M373" s="105"/>
      <c r="N373" s="119"/>
    </row>
    <row r="374" spans="1:14" ht="16.95" customHeight="1" x14ac:dyDescent="0.2">
      <c r="A374" s="99"/>
      <c r="B374" s="102"/>
      <c r="C374" s="140"/>
      <c r="D374" s="108"/>
      <c r="E374" s="105"/>
      <c r="F374" s="105"/>
      <c r="G374" s="25"/>
      <c r="H374" s="19"/>
      <c r="I374" s="78"/>
      <c r="J374" s="65"/>
      <c r="K374" s="6"/>
      <c r="L374" s="128"/>
      <c r="M374" s="105"/>
      <c r="N374" s="119"/>
    </row>
    <row r="375" spans="1:14" ht="16.95" customHeight="1" x14ac:dyDescent="0.2">
      <c r="A375" s="99"/>
      <c r="B375" s="102"/>
      <c r="C375" s="140"/>
      <c r="D375" s="108"/>
      <c r="E375" s="105"/>
      <c r="F375" s="105"/>
      <c r="G375" s="25"/>
      <c r="H375" s="19"/>
      <c r="I375" s="78"/>
      <c r="J375" s="65"/>
      <c r="K375" s="6"/>
      <c r="L375" s="128"/>
      <c r="M375" s="105"/>
      <c r="N375" s="119"/>
    </row>
    <row r="376" spans="1:14" ht="276" customHeight="1" thickBot="1" x14ac:dyDescent="0.25">
      <c r="A376" s="99"/>
      <c r="B376" s="103"/>
      <c r="C376" s="141"/>
      <c r="D376" s="109"/>
      <c r="E376" s="106"/>
      <c r="F376" s="106"/>
      <c r="G376" s="26"/>
      <c r="H376" s="22"/>
      <c r="I376" s="79"/>
      <c r="J376" s="66"/>
      <c r="K376" s="7"/>
      <c r="L376" s="129"/>
      <c r="M376" s="106"/>
      <c r="N376" s="120"/>
    </row>
    <row r="377" spans="1:14" ht="16.95" customHeight="1" thickTop="1" x14ac:dyDescent="0.2">
      <c r="A377" s="98">
        <v>32</v>
      </c>
      <c r="B377" s="101" t="s">
        <v>116</v>
      </c>
      <c r="C377" s="104" t="s">
        <v>117</v>
      </c>
      <c r="D377" s="107" t="s">
        <v>16</v>
      </c>
      <c r="E377" s="104" t="s">
        <v>118</v>
      </c>
      <c r="F377" s="104" t="s">
        <v>119</v>
      </c>
      <c r="G377" s="8" t="s">
        <v>11</v>
      </c>
      <c r="H377" s="9"/>
      <c r="I377" s="72"/>
      <c r="J377" s="59"/>
      <c r="K377" s="4"/>
      <c r="L377" s="127" t="s">
        <v>256</v>
      </c>
      <c r="M377" s="134"/>
      <c r="N377" s="124" t="s">
        <v>369</v>
      </c>
    </row>
    <row r="378" spans="1:14" ht="16.95" customHeight="1" x14ac:dyDescent="0.2">
      <c r="A378" s="99"/>
      <c r="B378" s="102"/>
      <c r="C378" s="105"/>
      <c r="D378" s="108"/>
      <c r="E378" s="105"/>
      <c r="F378" s="105"/>
      <c r="G378" s="12">
        <v>695800</v>
      </c>
      <c r="H378" s="10" t="s">
        <v>210</v>
      </c>
      <c r="I378" s="73">
        <v>208284</v>
      </c>
      <c r="J378" s="60">
        <v>195905</v>
      </c>
      <c r="K378" s="11">
        <v>192785</v>
      </c>
      <c r="L378" s="128"/>
      <c r="M378" s="105"/>
      <c r="N378" s="119"/>
    </row>
    <row r="379" spans="1:14" ht="16.95" customHeight="1" x14ac:dyDescent="0.2">
      <c r="A379" s="99"/>
      <c r="B379" s="102"/>
      <c r="C379" s="105"/>
      <c r="D379" s="108"/>
      <c r="E379" s="105"/>
      <c r="F379" s="105"/>
      <c r="G379" s="12"/>
      <c r="H379" s="13" t="s">
        <v>211</v>
      </c>
      <c r="I379" s="74">
        <v>131302</v>
      </c>
      <c r="J379" s="61">
        <v>71330</v>
      </c>
      <c r="K379" s="14">
        <v>72025</v>
      </c>
      <c r="L379" s="128"/>
      <c r="M379" s="105"/>
      <c r="N379" s="119"/>
    </row>
    <row r="380" spans="1:14" ht="16.95" customHeight="1" x14ac:dyDescent="0.2">
      <c r="A380" s="99"/>
      <c r="B380" s="102"/>
      <c r="C380" s="105"/>
      <c r="D380" s="108"/>
      <c r="E380" s="105"/>
      <c r="F380" s="105"/>
      <c r="G380" s="12" t="s">
        <v>12</v>
      </c>
      <c r="H380" s="13" t="s">
        <v>212</v>
      </c>
      <c r="I380" s="74">
        <v>141099</v>
      </c>
      <c r="J380" s="61">
        <v>141329</v>
      </c>
      <c r="K380" s="14">
        <v>142253</v>
      </c>
      <c r="L380" s="128"/>
      <c r="M380" s="105"/>
      <c r="N380" s="119"/>
    </row>
    <row r="381" spans="1:14" ht="16.95" customHeight="1" x14ac:dyDescent="0.2">
      <c r="A381" s="99"/>
      <c r="B381" s="102"/>
      <c r="C381" s="105"/>
      <c r="D381" s="108"/>
      <c r="E381" s="105"/>
      <c r="F381" s="105"/>
      <c r="G381" s="12">
        <v>2784202</v>
      </c>
      <c r="H381" s="5"/>
      <c r="I381" s="75"/>
      <c r="J381" s="62"/>
      <c r="K381" s="15"/>
      <c r="L381" s="128"/>
      <c r="M381" s="105"/>
      <c r="N381" s="119"/>
    </row>
    <row r="382" spans="1:14" ht="16.95" customHeight="1" x14ac:dyDescent="0.2">
      <c r="A382" s="99"/>
      <c r="B382" s="102"/>
      <c r="C382" s="105"/>
      <c r="D382" s="108"/>
      <c r="E382" s="105"/>
      <c r="F382" s="105"/>
      <c r="G382" s="25"/>
      <c r="H382" s="5"/>
      <c r="I382" s="75"/>
      <c r="J382" s="62"/>
      <c r="K382" s="15"/>
      <c r="L382" s="128"/>
      <c r="M382" s="105"/>
      <c r="N382" s="119"/>
    </row>
    <row r="383" spans="1:14" ht="16.95" customHeight="1" x14ac:dyDescent="0.2">
      <c r="A383" s="99"/>
      <c r="B383" s="102"/>
      <c r="C383" s="105"/>
      <c r="D383" s="108"/>
      <c r="E383" s="105"/>
      <c r="F383" s="105"/>
      <c r="G383" s="25"/>
      <c r="H383" s="10" t="s">
        <v>213</v>
      </c>
      <c r="I383" s="76">
        <v>-9797</v>
      </c>
      <c r="J383" s="63">
        <v>-69999</v>
      </c>
      <c r="K383" s="16">
        <v>-70228</v>
      </c>
      <c r="L383" s="128"/>
      <c r="M383" s="105"/>
      <c r="N383" s="119"/>
    </row>
    <row r="384" spans="1:14" ht="16.95" customHeight="1" x14ac:dyDescent="0.2">
      <c r="A384" s="99"/>
      <c r="B384" s="102"/>
      <c r="C384" s="105"/>
      <c r="D384" s="108"/>
      <c r="E384" s="105"/>
      <c r="F384" s="105"/>
      <c r="G384" s="25"/>
      <c r="H384" s="13" t="s">
        <v>214</v>
      </c>
      <c r="I384" s="77">
        <v>0.6774356167540474</v>
      </c>
      <c r="J384" s="64">
        <v>0.72141599244531784</v>
      </c>
      <c r="K384" s="17">
        <v>0.73788417148637087</v>
      </c>
      <c r="L384" s="128"/>
      <c r="M384" s="105"/>
      <c r="N384" s="119"/>
    </row>
    <row r="385" spans="1:14" ht="16.95" customHeight="1" x14ac:dyDescent="0.2">
      <c r="A385" s="99"/>
      <c r="B385" s="102"/>
      <c r="C385" s="105"/>
      <c r="D385" s="108"/>
      <c r="E385" s="105"/>
      <c r="F385" s="105"/>
      <c r="G385" s="25"/>
      <c r="H385" s="13" t="s">
        <v>215</v>
      </c>
      <c r="I385" s="77">
        <v>4.7036738299629351E-2</v>
      </c>
      <c r="J385" s="64">
        <v>0.35731094152778131</v>
      </c>
      <c r="K385" s="18">
        <v>0.36428145343258034</v>
      </c>
      <c r="L385" s="128"/>
      <c r="M385" s="105"/>
      <c r="N385" s="119"/>
    </row>
    <row r="386" spans="1:14" ht="16.95" customHeight="1" x14ac:dyDescent="0.2">
      <c r="A386" s="99"/>
      <c r="B386" s="102"/>
      <c r="C386" s="105"/>
      <c r="D386" s="108"/>
      <c r="E386" s="105"/>
      <c r="F386" s="105"/>
      <c r="G386" s="25"/>
      <c r="H386" s="19"/>
      <c r="I386" s="78"/>
      <c r="J386" s="65"/>
      <c r="K386" s="6"/>
      <c r="L386" s="128"/>
      <c r="M386" s="105"/>
      <c r="N386" s="119"/>
    </row>
    <row r="387" spans="1:14" ht="16.95" customHeight="1" x14ac:dyDescent="0.2">
      <c r="A387" s="99"/>
      <c r="B387" s="102"/>
      <c r="C387" s="105"/>
      <c r="D387" s="108"/>
      <c r="E387" s="105"/>
      <c r="F387" s="105"/>
      <c r="G387" s="25"/>
      <c r="H387" s="19"/>
      <c r="I387" s="78"/>
      <c r="J387" s="65"/>
      <c r="K387" s="6"/>
      <c r="L387" s="128"/>
      <c r="M387" s="105"/>
      <c r="N387" s="119"/>
    </row>
    <row r="388" spans="1:14" ht="16.95" customHeight="1" thickBot="1" x14ac:dyDescent="0.25">
      <c r="A388" s="100"/>
      <c r="B388" s="103"/>
      <c r="C388" s="106"/>
      <c r="D388" s="109"/>
      <c r="E388" s="106"/>
      <c r="F388" s="106"/>
      <c r="G388" s="26"/>
      <c r="H388" s="22"/>
      <c r="I388" s="79"/>
      <c r="J388" s="66"/>
      <c r="K388" s="7"/>
      <c r="L388" s="129"/>
      <c r="M388" s="106"/>
      <c r="N388" s="120"/>
    </row>
    <row r="389" spans="1:14" ht="16.95" customHeight="1" thickTop="1" x14ac:dyDescent="0.2">
      <c r="A389" s="98">
        <v>33</v>
      </c>
      <c r="B389" s="101" t="s">
        <v>120</v>
      </c>
      <c r="C389" s="104" t="s">
        <v>121</v>
      </c>
      <c r="D389" s="107" t="s">
        <v>68</v>
      </c>
      <c r="E389" s="104" t="s">
        <v>122</v>
      </c>
      <c r="F389" s="104" t="s">
        <v>123</v>
      </c>
      <c r="G389" s="8" t="s">
        <v>11</v>
      </c>
      <c r="H389" s="9"/>
      <c r="I389" s="72"/>
      <c r="J389" s="59"/>
      <c r="K389" s="4"/>
      <c r="L389" s="127" t="s">
        <v>271</v>
      </c>
      <c r="M389" s="38"/>
      <c r="N389" s="27"/>
    </row>
    <row r="390" spans="1:14" ht="16.95" customHeight="1" x14ac:dyDescent="0.2">
      <c r="A390" s="99"/>
      <c r="B390" s="102"/>
      <c r="C390" s="105"/>
      <c r="D390" s="108"/>
      <c r="E390" s="105"/>
      <c r="F390" s="105"/>
      <c r="G390" s="12">
        <v>587981</v>
      </c>
      <c r="H390" s="10" t="s">
        <v>210</v>
      </c>
      <c r="I390" s="73">
        <v>565240</v>
      </c>
      <c r="J390" s="60">
        <v>604830</v>
      </c>
      <c r="K390" s="11">
        <v>610371</v>
      </c>
      <c r="L390" s="128"/>
      <c r="M390" s="36"/>
      <c r="N390" s="52"/>
    </row>
    <row r="391" spans="1:14" ht="16.95" customHeight="1" x14ac:dyDescent="0.2">
      <c r="A391" s="99"/>
      <c r="B391" s="102"/>
      <c r="C391" s="105"/>
      <c r="D391" s="108"/>
      <c r="E391" s="105"/>
      <c r="F391" s="105"/>
      <c r="G391" s="12"/>
      <c r="H391" s="13" t="s">
        <v>211</v>
      </c>
      <c r="I391" s="74">
        <v>35408</v>
      </c>
      <c r="J391" s="61">
        <v>31658</v>
      </c>
      <c r="K391" s="14">
        <v>31201</v>
      </c>
      <c r="L391" s="128"/>
      <c r="M391" s="36"/>
      <c r="N391" s="52"/>
    </row>
    <row r="392" spans="1:14" ht="16.95" customHeight="1" x14ac:dyDescent="0.2">
      <c r="A392" s="99"/>
      <c r="B392" s="102"/>
      <c r="C392" s="105"/>
      <c r="D392" s="108"/>
      <c r="E392" s="105"/>
      <c r="F392" s="105"/>
      <c r="G392" s="12" t="s">
        <v>12</v>
      </c>
      <c r="H392" s="13" t="s">
        <v>212</v>
      </c>
      <c r="I392" s="74">
        <v>128331</v>
      </c>
      <c r="J392" s="61">
        <v>126062</v>
      </c>
      <c r="K392" s="14">
        <v>126467</v>
      </c>
      <c r="L392" s="128"/>
      <c r="M392" s="36"/>
      <c r="N392" s="52"/>
    </row>
    <row r="393" spans="1:14" ht="16.95" customHeight="1" x14ac:dyDescent="0.2">
      <c r="A393" s="99"/>
      <c r="B393" s="102"/>
      <c r="C393" s="105"/>
      <c r="D393" s="108"/>
      <c r="E393" s="105"/>
      <c r="F393" s="105"/>
      <c r="G393" s="12">
        <v>272251</v>
      </c>
      <c r="H393" s="5"/>
      <c r="I393" s="83"/>
      <c r="J393" s="62"/>
      <c r="K393" s="15"/>
      <c r="L393" s="128"/>
      <c r="M393" s="36"/>
      <c r="N393" s="52"/>
    </row>
    <row r="394" spans="1:14" ht="16.95" customHeight="1" x14ac:dyDescent="0.2">
      <c r="A394" s="99"/>
      <c r="B394" s="102"/>
      <c r="C394" s="105"/>
      <c r="D394" s="108"/>
      <c r="E394" s="105"/>
      <c r="F394" s="105"/>
      <c r="G394" s="25"/>
      <c r="H394" s="5"/>
      <c r="I394" s="83"/>
      <c r="J394" s="62"/>
      <c r="K394" s="15"/>
      <c r="L394" s="128"/>
      <c r="M394" s="146"/>
      <c r="N394" s="119" t="s">
        <v>370</v>
      </c>
    </row>
    <row r="395" spans="1:14" ht="16.95" customHeight="1" x14ac:dyDescent="0.2">
      <c r="A395" s="99"/>
      <c r="B395" s="102"/>
      <c r="C395" s="105"/>
      <c r="D395" s="108"/>
      <c r="E395" s="105"/>
      <c r="F395" s="105"/>
      <c r="G395" s="25"/>
      <c r="H395" s="10" t="s">
        <v>213</v>
      </c>
      <c r="I395" s="76">
        <v>-92923</v>
      </c>
      <c r="J395" s="63">
        <v>-94404</v>
      </c>
      <c r="K395" s="16">
        <v>-95266</v>
      </c>
      <c r="L395" s="128"/>
      <c r="M395" s="108"/>
      <c r="N395" s="119"/>
    </row>
    <row r="396" spans="1:14" ht="16.95" customHeight="1" x14ac:dyDescent="0.2">
      <c r="A396" s="99"/>
      <c r="B396" s="102"/>
      <c r="C396" s="105"/>
      <c r="D396" s="108"/>
      <c r="E396" s="105"/>
      <c r="F396" s="105"/>
      <c r="G396" s="25"/>
      <c r="H396" s="13" t="s">
        <v>214</v>
      </c>
      <c r="I396" s="77">
        <v>0.22703807232326093</v>
      </c>
      <c r="J396" s="64">
        <v>0.20842550799398177</v>
      </c>
      <c r="K396" s="17">
        <v>0.20719693432355077</v>
      </c>
      <c r="L396" s="128"/>
      <c r="M396" s="108"/>
      <c r="N396" s="119"/>
    </row>
    <row r="397" spans="1:14" ht="16.95" customHeight="1" x14ac:dyDescent="0.2">
      <c r="A397" s="99"/>
      <c r="B397" s="102"/>
      <c r="C397" s="105"/>
      <c r="D397" s="108"/>
      <c r="E397" s="105"/>
      <c r="F397" s="105"/>
      <c r="G397" s="25"/>
      <c r="H397" s="13" t="s">
        <v>215</v>
      </c>
      <c r="I397" s="77">
        <v>0.16439565494303304</v>
      </c>
      <c r="J397" s="64">
        <v>0.15608352760279748</v>
      </c>
      <c r="K397" s="18">
        <v>0.15607884385070719</v>
      </c>
      <c r="L397" s="128"/>
      <c r="M397" s="108"/>
      <c r="N397" s="119"/>
    </row>
    <row r="398" spans="1:14" ht="16.95" customHeight="1" x14ac:dyDescent="0.2">
      <c r="A398" s="99"/>
      <c r="B398" s="102"/>
      <c r="C398" s="105"/>
      <c r="D398" s="108"/>
      <c r="E398" s="105"/>
      <c r="F398" s="105"/>
      <c r="G398" s="25"/>
      <c r="H398" s="19"/>
      <c r="I398" s="78"/>
      <c r="J398" s="65"/>
      <c r="K398" s="6"/>
      <c r="L398" s="128"/>
      <c r="M398" s="108"/>
      <c r="N398" s="119"/>
    </row>
    <row r="399" spans="1:14" ht="16.95" customHeight="1" x14ac:dyDescent="0.2">
      <c r="A399" s="99"/>
      <c r="B399" s="102"/>
      <c r="C399" s="105"/>
      <c r="D399" s="108"/>
      <c r="E399" s="105"/>
      <c r="F399" s="105"/>
      <c r="G399" s="25"/>
      <c r="H399" s="19"/>
      <c r="I399" s="78"/>
      <c r="J399" s="65"/>
      <c r="K399" s="6"/>
      <c r="L399" s="128"/>
      <c r="M399" s="108"/>
      <c r="N399" s="119"/>
    </row>
    <row r="400" spans="1:14" ht="16.95" customHeight="1" thickBot="1" x14ac:dyDescent="0.25">
      <c r="A400" s="100"/>
      <c r="B400" s="103"/>
      <c r="C400" s="106"/>
      <c r="D400" s="109"/>
      <c r="E400" s="106"/>
      <c r="F400" s="106"/>
      <c r="G400" s="26"/>
      <c r="H400" s="22"/>
      <c r="I400" s="79"/>
      <c r="J400" s="66"/>
      <c r="K400" s="7"/>
      <c r="L400" s="129"/>
      <c r="M400" s="108"/>
      <c r="N400" s="119"/>
    </row>
    <row r="401" spans="1:14" ht="16.95" customHeight="1" thickTop="1" x14ac:dyDescent="0.2">
      <c r="A401" s="98">
        <v>34</v>
      </c>
      <c r="B401" s="101" t="s">
        <v>248</v>
      </c>
      <c r="C401" s="104" t="s">
        <v>124</v>
      </c>
      <c r="D401" s="107" t="s">
        <v>68</v>
      </c>
      <c r="E401" s="104" t="s">
        <v>125</v>
      </c>
      <c r="F401" s="104" t="s">
        <v>126</v>
      </c>
      <c r="G401" s="24" t="s">
        <v>11</v>
      </c>
      <c r="H401" s="9"/>
      <c r="I401" s="72"/>
      <c r="J401" s="59"/>
      <c r="K401" s="4"/>
      <c r="L401" s="127" t="s">
        <v>269</v>
      </c>
      <c r="M401" s="159"/>
      <c r="N401" s="126" t="s">
        <v>76</v>
      </c>
    </row>
    <row r="402" spans="1:14" ht="16.95" customHeight="1" x14ac:dyDescent="0.2">
      <c r="A402" s="99"/>
      <c r="B402" s="102"/>
      <c r="C402" s="105"/>
      <c r="D402" s="108"/>
      <c r="E402" s="105"/>
      <c r="F402" s="105"/>
      <c r="G402" s="125" t="s">
        <v>127</v>
      </c>
      <c r="H402" s="10" t="s">
        <v>210</v>
      </c>
      <c r="I402" s="73">
        <v>8909</v>
      </c>
      <c r="J402" s="60">
        <v>12594</v>
      </c>
      <c r="K402" s="11">
        <v>9707</v>
      </c>
      <c r="L402" s="128"/>
      <c r="M402" s="126"/>
      <c r="N402" s="126"/>
    </row>
    <row r="403" spans="1:14" ht="16.95" customHeight="1" x14ac:dyDescent="0.2">
      <c r="A403" s="99"/>
      <c r="B403" s="102"/>
      <c r="C403" s="105"/>
      <c r="D403" s="108"/>
      <c r="E403" s="105"/>
      <c r="F403" s="105"/>
      <c r="G403" s="158"/>
      <c r="H403" s="13" t="s">
        <v>211</v>
      </c>
      <c r="I403" s="74">
        <v>3277</v>
      </c>
      <c r="J403" s="61">
        <v>4695</v>
      </c>
      <c r="K403" s="14">
        <v>4257</v>
      </c>
      <c r="L403" s="128"/>
      <c r="M403" s="126"/>
      <c r="N403" s="126"/>
    </row>
    <row r="404" spans="1:14" ht="16.95" customHeight="1" x14ac:dyDescent="0.2">
      <c r="A404" s="99"/>
      <c r="B404" s="102"/>
      <c r="C404" s="105"/>
      <c r="D404" s="108"/>
      <c r="E404" s="105"/>
      <c r="F404" s="105"/>
      <c r="G404" s="25" t="s">
        <v>12</v>
      </c>
      <c r="H404" s="13" t="s">
        <v>212</v>
      </c>
      <c r="I404" s="74">
        <v>19503</v>
      </c>
      <c r="J404" s="61">
        <v>26242</v>
      </c>
      <c r="K404" s="14">
        <v>25893</v>
      </c>
      <c r="L404" s="128"/>
      <c r="M404" s="126"/>
      <c r="N404" s="126" t="s">
        <v>128</v>
      </c>
    </row>
    <row r="405" spans="1:14" ht="16.95" customHeight="1" x14ac:dyDescent="0.2">
      <c r="A405" s="99"/>
      <c r="B405" s="102"/>
      <c r="C405" s="105"/>
      <c r="D405" s="108"/>
      <c r="E405" s="105"/>
      <c r="F405" s="105"/>
      <c r="G405" s="25">
        <v>79234</v>
      </c>
      <c r="H405" s="5"/>
      <c r="I405" s="75"/>
      <c r="J405" s="62"/>
      <c r="K405" s="15"/>
      <c r="L405" s="128"/>
      <c r="M405" s="126"/>
      <c r="N405" s="126"/>
    </row>
    <row r="406" spans="1:14" ht="16.95" customHeight="1" x14ac:dyDescent="0.2">
      <c r="A406" s="99"/>
      <c r="B406" s="102"/>
      <c r="C406" s="105"/>
      <c r="D406" s="108"/>
      <c r="E406" s="105"/>
      <c r="F406" s="105"/>
      <c r="G406" s="25"/>
      <c r="H406" s="5"/>
      <c r="I406" s="75"/>
      <c r="J406" s="62"/>
      <c r="K406" s="15"/>
      <c r="L406" s="128"/>
      <c r="M406" s="126"/>
      <c r="N406" s="126"/>
    </row>
    <row r="407" spans="1:14" ht="16.95" customHeight="1" x14ac:dyDescent="0.2">
      <c r="A407" s="99"/>
      <c r="B407" s="102"/>
      <c r="C407" s="105"/>
      <c r="D407" s="108"/>
      <c r="E407" s="105"/>
      <c r="F407" s="105"/>
      <c r="G407" s="25"/>
      <c r="H407" s="10" t="s">
        <v>213</v>
      </c>
      <c r="I407" s="76">
        <v>-16226</v>
      </c>
      <c r="J407" s="63">
        <v>-21547</v>
      </c>
      <c r="K407" s="16">
        <v>-21636</v>
      </c>
      <c r="L407" s="128"/>
      <c r="M407" s="126"/>
      <c r="N407" s="126"/>
    </row>
    <row r="408" spans="1:14" ht="16.95" customHeight="1" x14ac:dyDescent="0.2">
      <c r="A408" s="99"/>
      <c r="B408" s="102"/>
      <c r="C408" s="105"/>
      <c r="D408" s="108"/>
      <c r="E408" s="105"/>
      <c r="F408" s="105"/>
      <c r="G408" s="25"/>
      <c r="H408" s="13" t="s">
        <v>214</v>
      </c>
      <c r="I408" s="77">
        <v>2.189134583005949</v>
      </c>
      <c r="J408" s="64">
        <v>2.0836906463395266</v>
      </c>
      <c r="K408" s="17">
        <v>2.6674564747089731</v>
      </c>
      <c r="L408" s="128"/>
      <c r="M408" s="36"/>
      <c r="N408" s="52"/>
    </row>
    <row r="409" spans="1:14" ht="16.95" customHeight="1" x14ac:dyDescent="0.2">
      <c r="A409" s="99"/>
      <c r="B409" s="102"/>
      <c r="C409" s="105"/>
      <c r="D409" s="108"/>
      <c r="E409" s="105"/>
      <c r="F409" s="105"/>
      <c r="G409" s="25"/>
      <c r="H409" s="13" t="s">
        <v>215</v>
      </c>
      <c r="I409" s="77">
        <v>1.8213042990234594</v>
      </c>
      <c r="J409" s="64">
        <v>1.7108940765443863</v>
      </c>
      <c r="K409" s="18">
        <v>2.2289069743484085</v>
      </c>
      <c r="L409" s="128"/>
      <c r="M409" s="36"/>
      <c r="N409" s="52"/>
    </row>
    <row r="410" spans="1:14" ht="16.95" customHeight="1" x14ac:dyDescent="0.2">
      <c r="A410" s="99"/>
      <c r="B410" s="102"/>
      <c r="C410" s="105"/>
      <c r="D410" s="108"/>
      <c r="E410" s="105"/>
      <c r="F410" s="105"/>
      <c r="G410" s="25"/>
      <c r="H410" s="19"/>
      <c r="I410" s="78"/>
      <c r="J410" s="65"/>
      <c r="K410" s="6"/>
      <c r="L410" s="128"/>
      <c r="M410" s="36"/>
      <c r="N410" s="52"/>
    </row>
    <row r="411" spans="1:14" ht="16.95" customHeight="1" x14ac:dyDescent="0.2">
      <c r="A411" s="99"/>
      <c r="B411" s="102"/>
      <c r="C411" s="105"/>
      <c r="D411" s="108"/>
      <c r="E411" s="105"/>
      <c r="F411" s="105"/>
      <c r="G411" s="25"/>
      <c r="H411" s="19"/>
      <c r="I411" s="78"/>
      <c r="J411" s="65"/>
      <c r="K411" s="6"/>
      <c r="L411" s="128"/>
      <c r="M411" s="36"/>
      <c r="N411" s="52"/>
    </row>
    <row r="412" spans="1:14" ht="16.95" customHeight="1" thickBot="1" x14ac:dyDescent="0.25">
      <c r="A412" s="99"/>
      <c r="B412" s="103"/>
      <c r="C412" s="106"/>
      <c r="D412" s="109"/>
      <c r="E412" s="106"/>
      <c r="F412" s="106"/>
      <c r="G412" s="26"/>
      <c r="H412" s="22"/>
      <c r="I412" s="79"/>
      <c r="J412" s="66"/>
      <c r="K412" s="7"/>
      <c r="L412" s="129"/>
      <c r="M412" s="37"/>
      <c r="N412" s="53"/>
    </row>
    <row r="413" spans="1:14" ht="16.95" customHeight="1" thickTop="1" x14ac:dyDescent="0.2">
      <c r="A413" s="98">
        <v>35</v>
      </c>
      <c r="B413" s="101" t="s">
        <v>120</v>
      </c>
      <c r="C413" s="104" t="s">
        <v>129</v>
      </c>
      <c r="D413" s="107" t="s">
        <v>9</v>
      </c>
      <c r="E413" s="104" t="s">
        <v>122</v>
      </c>
      <c r="F413" s="104" t="s">
        <v>130</v>
      </c>
      <c r="G413" s="8" t="s">
        <v>11</v>
      </c>
      <c r="H413" s="9"/>
      <c r="I413" s="72"/>
      <c r="J413" s="59"/>
      <c r="K413" s="4"/>
      <c r="L413" s="127" t="s">
        <v>272</v>
      </c>
      <c r="M413" s="38"/>
      <c r="N413" s="27"/>
    </row>
    <row r="414" spans="1:14" ht="16.95" customHeight="1" x14ac:dyDescent="0.2">
      <c r="A414" s="99"/>
      <c r="B414" s="102"/>
      <c r="C414" s="105"/>
      <c r="D414" s="108"/>
      <c r="E414" s="105"/>
      <c r="F414" s="105"/>
      <c r="G414" s="12">
        <v>1124408</v>
      </c>
      <c r="H414" s="10" t="s">
        <v>210</v>
      </c>
      <c r="I414" s="73">
        <v>91387</v>
      </c>
      <c r="J414" s="60">
        <v>152565</v>
      </c>
      <c r="K414" s="11">
        <v>155917</v>
      </c>
      <c r="L414" s="128"/>
      <c r="M414" s="36"/>
      <c r="N414" s="52"/>
    </row>
    <row r="415" spans="1:14" ht="16.95" customHeight="1" x14ac:dyDescent="0.2">
      <c r="A415" s="99"/>
      <c r="B415" s="102"/>
      <c r="C415" s="105"/>
      <c r="D415" s="108"/>
      <c r="E415" s="105"/>
      <c r="F415" s="105"/>
      <c r="G415" s="12"/>
      <c r="H415" s="13" t="s">
        <v>211</v>
      </c>
      <c r="I415" s="74">
        <v>11816</v>
      </c>
      <c r="J415" s="61">
        <v>10801</v>
      </c>
      <c r="K415" s="14">
        <v>10939</v>
      </c>
      <c r="L415" s="128"/>
      <c r="M415" s="36"/>
      <c r="N415" s="52"/>
    </row>
    <row r="416" spans="1:14" ht="16.95" customHeight="1" x14ac:dyDescent="0.2">
      <c r="A416" s="99"/>
      <c r="B416" s="102"/>
      <c r="C416" s="105"/>
      <c r="D416" s="108"/>
      <c r="E416" s="105"/>
      <c r="F416" s="105"/>
      <c r="G416" s="12" t="s">
        <v>12</v>
      </c>
      <c r="H416" s="13" t="s">
        <v>212</v>
      </c>
      <c r="I416" s="74">
        <v>53224</v>
      </c>
      <c r="J416" s="61">
        <v>52263</v>
      </c>
      <c r="K416" s="14">
        <v>52125</v>
      </c>
      <c r="L416" s="128"/>
      <c r="M416" s="36"/>
      <c r="N416" s="52"/>
    </row>
    <row r="417" spans="1:14" ht="16.95" customHeight="1" x14ac:dyDescent="0.2">
      <c r="A417" s="99"/>
      <c r="B417" s="102"/>
      <c r="C417" s="105"/>
      <c r="D417" s="108"/>
      <c r="E417" s="105"/>
      <c r="F417" s="105"/>
      <c r="G417" s="12">
        <v>99564</v>
      </c>
      <c r="H417" s="5"/>
      <c r="I417" s="75"/>
      <c r="J417" s="62"/>
      <c r="K417" s="15"/>
      <c r="L417" s="128"/>
      <c r="M417" s="36"/>
      <c r="N417" s="52"/>
    </row>
    <row r="418" spans="1:14" ht="16.95" customHeight="1" x14ac:dyDescent="0.2">
      <c r="A418" s="99"/>
      <c r="B418" s="102"/>
      <c r="C418" s="105"/>
      <c r="D418" s="108"/>
      <c r="E418" s="105"/>
      <c r="F418" s="105"/>
      <c r="G418" s="12"/>
      <c r="H418" s="5"/>
      <c r="I418" s="75"/>
      <c r="J418" s="62"/>
      <c r="K418" s="15"/>
      <c r="L418" s="128"/>
      <c r="M418" s="146"/>
      <c r="N418" s="119" t="s">
        <v>371</v>
      </c>
    </row>
    <row r="419" spans="1:14" ht="16.95" customHeight="1" x14ac:dyDescent="0.2">
      <c r="A419" s="99"/>
      <c r="B419" s="102"/>
      <c r="C419" s="105"/>
      <c r="D419" s="108"/>
      <c r="E419" s="105"/>
      <c r="F419" s="105"/>
      <c r="G419" s="25"/>
      <c r="H419" s="10" t="s">
        <v>213</v>
      </c>
      <c r="I419" s="76">
        <v>-41408</v>
      </c>
      <c r="J419" s="63">
        <v>-41462</v>
      </c>
      <c r="K419" s="16">
        <v>-41186</v>
      </c>
      <c r="L419" s="128"/>
      <c r="M419" s="108"/>
      <c r="N419" s="119"/>
    </row>
    <row r="420" spans="1:14" ht="16.95" customHeight="1" x14ac:dyDescent="0.2">
      <c r="A420" s="99"/>
      <c r="B420" s="102"/>
      <c r="C420" s="105"/>
      <c r="D420" s="108"/>
      <c r="E420" s="105"/>
      <c r="F420" s="105"/>
      <c r="G420" s="25"/>
      <c r="H420" s="13" t="s">
        <v>214</v>
      </c>
      <c r="I420" s="77">
        <v>0.58240231105080587</v>
      </c>
      <c r="J420" s="64">
        <v>0.34256218660898635</v>
      </c>
      <c r="K420" s="17">
        <v>0.33431248677180808</v>
      </c>
      <c r="L420" s="128"/>
      <c r="M420" s="108"/>
      <c r="N420" s="119"/>
    </row>
    <row r="421" spans="1:14" ht="16.95" customHeight="1" x14ac:dyDescent="0.2">
      <c r="A421" s="99"/>
      <c r="B421" s="102"/>
      <c r="C421" s="105"/>
      <c r="D421" s="108"/>
      <c r="E421" s="105"/>
      <c r="F421" s="105"/>
      <c r="G421" s="25"/>
      <c r="H421" s="13" t="s">
        <v>215</v>
      </c>
      <c r="I421" s="77">
        <v>0.45310602164421637</v>
      </c>
      <c r="J421" s="64">
        <v>0.27176613246812836</v>
      </c>
      <c r="K421" s="18">
        <v>0.26415336364860792</v>
      </c>
      <c r="L421" s="128"/>
      <c r="M421" s="108"/>
      <c r="N421" s="119"/>
    </row>
    <row r="422" spans="1:14" ht="16.95" customHeight="1" x14ac:dyDescent="0.2">
      <c r="A422" s="99"/>
      <c r="B422" s="102"/>
      <c r="C422" s="105"/>
      <c r="D422" s="108"/>
      <c r="E422" s="105"/>
      <c r="F422" s="105"/>
      <c r="G422" s="25"/>
      <c r="H422" s="19"/>
      <c r="I422" s="78"/>
      <c r="J422" s="65"/>
      <c r="K422" s="6"/>
      <c r="L422" s="128"/>
      <c r="M422" s="108"/>
      <c r="N422" s="119"/>
    </row>
    <row r="423" spans="1:14" ht="16.95" customHeight="1" x14ac:dyDescent="0.2">
      <c r="A423" s="99"/>
      <c r="B423" s="102"/>
      <c r="C423" s="105"/>
      <c r="D423" s="108"/>
      <c r="E423" s="105"/>
      <c r="F423" s="105"/>
      <c r="G423" s="25"/>
      <c r="H423" s="19"/>
      <c r="I423" s="78"/>
      <c r="J423" s="65"/>
      <c r="K423" s="6"/>
      <c r="L423" s="128"/>
      <c r="M423" s="108"/>
      <c r="N423" s="119"/>
    </row>
    <row r="424" spans="1:14" ht="16.95" customHeight="1" thickBot="1" x14ac:dyDescent="0.25">
      <c r="A424" s="100"/>
      <c r="B424" s="103"/>
      <c r="C424" s="106"/>
      <c r="D424" s="109"/>
      <c r="E424" s="106"/>
      <c r="F424" s="106"/>
      <c r="G424" s="26"/>
      <c r="H424" s="22"/>
      <c r="I424" s="79"/>
      <c r="J424" s="66"/>
      <c r="K424" s="7"/>
      <c r="L424" s="129"/>
      <c r="M424" s="108"/>
      <c r="N424" s="119"/>
    </row>
    <row r="425" spans="1:14" ht="16.95" customHeight="1" thickTop="1" x14ac:dyDescent="0.2">
      <c r="A425" s="98">
        <v>36</v>
      </c>
      <c r="B425" s="101" t="s">
        <v>248</v>
      </c>
      <c r="C425" s="104" t="s">
        <v>328</v>
      </c>
      <c r="D425" s="107" t="s">
        <v>9</v>
      </c>
      <c r="E425" s="104" t="s">
        <v>131</v>
      </c>
      <c r="F425" s="104" t="s">
        <v>132</v>
      </c>
      <c r="G425" s="24" t="s">
        <v>11</v>
      </c>
      <c r="H425" s="9"/>
      <c r="I425" s="72"/>
      <c r="J425" s="59"/>
      <c r="K425" s="4"/>
      <c r="L425" s="160" t="s">
        <v>270</v>
      </c>
      <c r="M425" s="159"/>
      <c r="N425" s="126" t="s">
        <v>76</v>
      </c>
    </row>
    <row r="426" spans="1:14" ht="16.95" customHeight="1" x14ac:dyDescent="0.2">
      <c r="A426" s="99"/>
      <c r="B426" s="102"/>
      <c r="C426" s="105"/>
      <c r="D426" s="108"/>
      <c r="E426" s="105"/>
      <c r="F426" s="105"/>
      <c r="G426" s="125" t="s">
        <v>133</v>
      </c>
      <c r="H426" s="10" t="s">
        <v>210</v>
      </c>
      <c r="I426" s="73">
        <v>12948</v>
      </c>
      <c r="J426" s="60">
        <v>14168</v>
      </c>
      <c r="K426" s="11">
        <v>14305</v>
      </c>
      <c r="L426" s="161"/>
      <c r="M426" s="126"/>
      <c r="N426" s="126"/>
    </row>
    <row r="427" spans="1:14" ht="16.95" customHeight="1" x14ac:dyDescent="0.2">
      <c r="A427" s="99"/>
      <c r="B427" s="102"/>
      <c r="C427" s="105"/>
      <c r="D427" s="108"/>
      <c r="E427" s="105"/>
      <c r="F427" s="105"/>
      <c r="G427" s="125"/>
      <c r="H427" s="13" t="s">
        <v>211</v>
      </c>
      <c r="I427" s="74">
        <v>3961</v>
      </c>
      <c r="J427" s="61">
        <v>4981</v>
      </c>
      <c r="K427" s="14">
        <v>5685</v>
      </c>
      <c r="L427" s="161"/>
      <c r="M427" s="126"/>
      <c r="N427" s="126"/>
    </row>
    <row r="428" spans="1:14" ht="16.95" customHeight="1" x14ac:dyDescent="0.2">
      <c r="A428" s="99"/>
      <c r="B428" s="102"/>
      <c r="C428" s="105"/>
      <c r="D428" s="108"/>
      <c r="E428" s="105"/>
      <c r="F428" s="105"/>
      <c r="G428" s="125"/>
      <c r="H428" s="13" t="s">
        <v>212</v>
      </c>
      <c r="I428" s="74">
        <v>20972</v>
      </c>
      <c r="J428" s="61">
        <v>21276</v>
      </c>
      <c r="K428" s="14">
        <v>22083</v>
      </c>
      <c r="L428" s="161"/>
      <c r="M428" s="126"/>
      <c r="N428" s="126" t="s">
        <v>134</v>
      </c>
    </row>
    <row r="429" spans="1:14" ht="16.95" customHeight="1" x14ac:dyDescent="0.2">
      <c r="A429" s="99"/>
      <c r="B429" s="102"/>
      <c r="C429" s="105"/>
      <c r="D429" s="108"/>
      <c r="E429" s="105"/>
      <c r="F429" s="105"/>
      <c r="G429" s="25" t="s">
        <v>12</v>
      </c>
      <c r="H429" s="5"/>
      <c r="I429" s="75"/>
      <c r="J429" s="62"/>
      <c r="K429" s="15"/>
      <c r="L429" s="161"/>
      <c r="M429" s="126"/>
      <c r="N429" s="126"/>
    </row>
    <row r="430" spans="1:14" ht="16.95" customHeight="1" x14ac:dyDescent="0.2">
      <c r="A430" s="99"/>
      <c r="B430" s="102"/>
      <c r="C430" s="105"/>
      <c r="D430" s="108"/>
      <c r="E430" s="105"/>
      <c r="F430" s="105"/>
      <c r="G430" s="25">
        <v>307675</v>
      </c>
      <c r="H430" s="5"/>
      <c r="I430" s="75"/>
      <c r="J430" s="62"/>
      <c r="K430" s="15"/>
      <c r="L430" s="161"/>
      <c r="M430" s="126"/>
      <c r="N430" s="126"/>
    </row>
    <row r="431" spans="1:14" ht="16.95" customHeight="1" x14ac:dyDescent="0.2">
      <c r="A431" s="99"/>
      <c r="B431" s="102"/>
      <c r="C431" s="105"/>
      <c r="D431" s="108"/>
      <c r="E431" s="105"/>
      <c r="F431" s="105"/>
      <c r="G431" s="25"/>
      <c r="H431" s="10" t="s">
        <v>213</v>
      </c>
      <c r="I431" s="76">
        <v>-17011</v>
      </c>
      <c r="J431" s="63">
        <v>-16295</v>
      </c>
      <c r="K431" s="16">
        <v>-16398</v>
      </c>
      <c r="L431" s="161"/>
      <c r="M431" s="126"/>
      <c r="N431" s="126"/>
    </row>
    <row r="432" spans="1:14" ht="16.95" customHeight="1" x14ac:dyDescent="0.2">
      <c r="A432" s="99"/>
      <c r="B432" s="102"/>
      <c r="C432" s="105"/>
      <c r="D432" s="108"/>
      <c r="E432" s="105"/>
      <c r="F432" s="105"/>
      <c r="G432" s="25"/>
      <c r="H432" s="13" t="s">
        <v>214</v>
      </c>
      <c r="I432" s="77">
        <v>1.6197096076614148</v>
      </c>
      <c r="J432" s="64">
        <v>1.5016939582156974</v>
      </c>
      <c r="K432" s="17">
        <v>1.5437259699405803</v>
      </c>
      <c r="L432" s="161"/>
      <c r="M432" s="36"/>
      <c r="N432" s="52"/>
    </row>
    <row r="433" spans="1:14" ht="16.95" customHeight="1" x14ac:dyDescent="0.2">
      <c r="A433" s="99"/>
      <c r="B433" s="102"/>
      <c r="C433" s="105"/>
      <c r="D433" s="108"/>
      <c r="E433" s="105"/>
      <c r="F433" s="105"/>
      <c r="G433" s="25"/>
      <c r="H433" s="13" t="s">
        <v>215</v>
      </c>
      <c r="I433" s="77">
        <v>1.3137936360827926</v>
      </c>
      <c r="J433" s="64">
        <v>1.1501270468661773</v>
      </c>
      <c r="K433" s="18">
        <v>1.1463124781544913</v>
      </c>
      <c r="L433" s="161"/>
      <c r="M433" s="36"/>
      <c r="N433" s="52"/>
    </row>
    <row r="434" spans="1:14" ht="16.95" customHeight="1" x14ac:dyDescent="0.2">
      <c r="A434" s="99"/>
      <c r="B434" s="102"/>
      <c r="C434" s="105"/>
      <c r="D434" s="108"/>
      <c r="E434" s="105"/>
      <c r="F434" s="105"/>
      <c r="G434" s="25"/>
      <c r="H434" s="19"/>
      <c r="I434" s="78"/>
      <c r="J434" s="65"/>
      <c r="K434" s="6"/>
      <c r="L434" s="161"/>
      <c r="M434" s="36"/>
      <c r="N434" s="52"/>
    </row>
    <row r="435" spans="1:14" ht="16.95" customHeight="1" x14ac:dyDescent="0.2">
      <c r="A435" s="99"/>
      <c r="B435" s="102"/>
      <c r="C435" s="105"/>
      <c r="D435" s="108"/>
      <c r="E435" s="105"/>
      <c r="F435" s="105"/>
      <c r="G435" s="25"/>
      <c r="H435" s="19"/>
      <c r="I435" s="78"/>
      <c r="J435" s="65"/>
      <c r="K435" s="6"/>
      <c r="L435" s="161"/>
      <c r="M435" s="36"/>
      <c r="N435" s="52"/>
    </row>
    <row r="436" spans="1:14" ht="16.95" customHeight="1" thickBot="1" x14ac:dyDescent="0.25">
      <c r="A436" s="100"/>
      <c r="B436" s="103"/>
      <c r="C436" s="106"/>
      <c r="D436" s="109"/>
      <c r="E436" s="106"/>
      <c r="F436" s="106"/>
      <c r="G436" s="26"/>
      <c r="H436" s="22"/>
      <c r="I436" s="79"/>
      <c r="J436" s="66"/>
      <c r="K436" s="7"/>
      <c r="L436" s="162"/>
      <c r="M436" s="37"/>
      <c r="N436" s="53"/>
    </row>
    <row r="437" spans="1:14" ht="16.95" customHeight="1" thickTop="1" x14ac:dyDescent="0.2">
      <c r="A437" s="98">
        <v>37</v>
      </c>
      <c r="B437" s="101" t="s">
        <v>120</v>
      </c>
      <c r="C437" s="104" t="s">
        <v>135</v>
      </c>
      <c r="D437" s="107" t="s">
        <v>111</v>
      </c>
      <c r="E437" s="104" t="s">
        <v>122</v>
      </c>
      <c r="F437" s="104" t="s">
        <v>136</v>
      </c>
      <c r="G437" s="24" t="s">
        <v>11</v>
      </c>
      <c r="H437" s="9"/>
      <c r="I437" s="72"/>
      <c r="J437" s="59"/>
      <c r="K437" s="4"/>
      <c r="L437" s="127" t="s">
        <v>273</v>
      </c>
      <c r="M437" s="134"/>
      <c r="N437" s="124" t="s">
        <v>372</v>
      </c>
    </row>
    <row r="438" spans="1:14" ht="16.95" customHeight="1" x14ac:dyDescent="0.2">
      <c r="A438" s="99"/>
      <c r="B438" s="102"/>
      <c r="C438" s="105"/>
      <c r="D438" s="108"/>
      <c r="E438" s="105"/>
      <c r="F438" s="105"/>
      <c r="G438" s="25">
        <v>1983</v>
      </c>
      <c r="H438" s="10" t="s">
        <v>210</v>
      </c>
      <c r="I438" s="73">
        <v>41059</v>
      </c>
      <c r="J438" s="60">
        <v>41090</v>
      </c>
      <c r="K438" s="11">
        <v>44765</v>
      </c>
      <c r="L438" s="128"/>
      <c r="M438" s="105"/>
      <c r="N438" s="119"/>
    </row>
    <row r="439" spans="1:14" ht="16.95" customHeight="1" x14ac:dyDescent="0.2">
      <c r="A439" s="99"/>
      <c r="B439" s="102"/>
      <c r="C439" s="105"/>
      <c r="D439" s="108"/>
      <c r="E439" s="105"/>
      <c r="F439" s="105"/>
      <c r="G439" s="25"/>
      <c r="H439" s="13" t="s">
        <v>211</v>
      </c>
      <c r="I439" s="74">
        <v>92</v>
      </c>
      <c r="J439" s="61">
        <v>128</v>
      </c>
      <c r="K439" s="14">
        <v>131</v>
      </c>
      <c r="L439" s="128"/>
      <c r="M439" s="105"/>
      <c r="N439" s="119"/>
    </row>
    <row r="440" spans="1:14" ht="16.95" customHeight="1" x14ac:dyDescent="0.2">
      <c r="A440" s="99"/>
      <c r="B440" s="102"/>
      <c r="C440" s="105"/>
      <c r="D440" s="108"/>
      <c r="E440" s="105"/>
      <c r="F440" s="105"/>
      <c r="G440" s="25" t="s">
        <v>12</v>
      </c>
      <c r="H440" s="13" t="s">
        <v>212</v>
      </c>
      <c r="I440" s="74">
        <v>17692</v>
      </c>
      <c r="J440" s="61">
        <v>19190</v>
      </c>
      <c r="K440" s="14">
        <v>18645</v>
      </c>
      <c r="L440" s="128"/>
      <c r="M440" s="105"/>
      <c r="N440" s="119"/>
    </row>
    <row r="441" spans="1:14" ht="16.95" customHeight="1" x14ac:dyDescent="0.2">
      <c r="A441" s="99"/>
      <c r="B441" s="102"/>
      <c r="C441" s="105"/>
      <c r="D441" s="108"/>
      <c r="E441" s="105"/>
      <c r="F441" s="105"/>
      <c r="G441" s="12">
        <v>10349</v>
      </c>
      <c r="H441" s="5"/>
      <c r="I441" s="83"/>
      <c r="J441" s="62"/>
      <c r="K441" s="15"/>
      <c r="L441" s="128"/>
      <c r="M441" s="105"/>
      <c r="N441" s="119"/>
    </row>
    <row r="442" spans="1:14" ht="16.95" customHeight="1" x14ac:dyDescent="0.2">
      <c r="A442" s="99"/>
      <c r="B442" s="102"/>
      <c r="C442" s="105"/>
      <c r="D442" s="108"/>
      <c r="E442" s="105"/>
      <c r="F442" s="105"/>
      <c r="G442" s="25"/>
      <c r="H442" s="5"/>
      <c r="I442" s="83"/>
      <c r="J442" s="62"/>
      <c r="K442" s="15"/>
      <c r="L442" s="128"/>
      <c r="M442" s="105"/>
      <c r="N442" s="119"/>
    </row>
    <row r="443" spans="1:14" ht="16.95" customHeight="1" x14ac:dyDescent="0.2">
      <c r="A443" s="99"/>
      <c r="B443" s="102"/>
      <c r="C443" s="105"/>
      <c r="D443" s="108"/>
      <c r="E443" s="105"/>
      <c r="F443" s="105"/>
      <c r="G443" s="25"/>
      <c r="H443" s="10" t="s">
        <v>213</v>
      </c>
      <c r="I443" s="76">
        <v>-17600</v>
      </c>
      <c r="J443" s="63">
        <v>-19062</v>
      </c>
      <c r="K443" s="16">
        <v>-18514</v>
      </c>
      <c r="L443" s="128"/>
      <c r="M443" s="105"/>
      <c r="N443" s="119"/>
    </row>
    <row r="444" spans="1:14" ht="16.95" customHeight="1" x14ac:dyDescent="0.2">
      <c r="A444" s="99"/>
      <c r="B444" s="102"/>
      <c r="C444" s="105"/>
      <c r="D444" s="108"/>
      <c r="E444" s="105"/>
      <c r="F444" s="105"/>
      <c r="G444" s="25"/>
      <c r="H444" s="13" t="s">
        <v>214</v>
      </c>
      <c r="I444" s="77">
        <v>0.43089213083611388</v>
      </c>
      <c r="J444" s="64">
        <v>0.46702360671696275</v>
      </c>
      <c r="K444" s="17">
        <v>0.41650843292751033</v>
      </c>
      <c r="L444" s="128"/>
      <c r="M444" s="105"/>
      <c r="N444" s="119"/>
    </row>
    <row r="445" spans="1:14" ht="16.95" customHeight="1" x14ac:dyDescent="0.2">
      <c r="A445" s="99"/>
      <c r="B445" s="102"/>
      <c r="C445" s="105"/>
      <c r="D445" s="108"/>
      <c r="E445" s="105"/>
      <c r="F445" s="105"/>
      <c r="G445" s="25"/>
      <c r="H445" s="13" t="s">
        <v>215</v>
      </c>
      <c r="I445" s="77">
        <v>0.4286514527874522</v>
      </c>
      <c r="J445" s="64">
        <v>0.46390849355074226</v>
      </c>
      <c r="K445" s="18">
        <v>0.41358203953981904</v>
      </c>
      <c r="L445" s="128"/>
      <c r="M445" s="105"/>
      <c r="N445" s="119"/>
    </row>
    <row r="446" spans="1:14" ht="16.95" customHeight="1" x14ac:dyDescent="0.2">
      <c r="A446" s="99"/>
      <c r="B446" s="102"/>
      <c r="C446" s="105"/>
      <c r="D446" s="108"/>
      <c r="E446" s="105"/>
      <c r="F446" s="105"/>
      <c r="G446" s="25"/>
      <c r="H446" s="19"/>
      <c r="I446" s="78"/>
      <c r="J446" s="65"/>
      <c r="K446" s="6"/>
      <c r="L446" s="128"/>
      <c r="M446" s="105"/>
      <c r="N446" s="119"/>
    </row>
    <row r="447" spans="1:14" ht="16.95" customHeight="1" x14ac:dyDescent="0.2">
      <c r="A447" s="99"/>
      <c r="B447" s="102"/>
      <c r="C447" s="105"/>
      <c r="D447" s="108"/>
      <c r="E447" s="105"/>
      <c r="F447" s="105"/>
      <c r="G447" s="25"/>
      <c r="H447" s="19"/>
      <c r="I447" s="78"/>
      <c r="J447" s="65"/>
      <c r="K447" s="6"/>
      <c r="L447" s="128"/>
      <c r="M447" s="105"/>
      <c r="N447" s="119"/>
    </row>
    <row r="448" spans="1:14" ht="16.95" customHeight="1" thickBot="1" x14ac:dyDescent="0.25">
      <c r="A448" s="100"/>
      <c r="B448" s="103"/>
      <c r="C448" s="106"/>
      <c r="D448" s="109"/>
      <c r="E448" s="106"/>
      <c r="F448" s="106"/>
      <c r="G448" s="26"/>
      <c r="H448" s="22"/>
      <c r="I448" s="79"/>
      <c r="J448" s="66"/>
      <c r="K448" s="7"/>
      <c r="L448" s="129"/>
      <c r="M448" s="106"/>
      <c r="N448" s="120"/>
    </row>
    <row r="449" spans="1:14" ht="16.95" customHeight="1" thickTop="1" x14ac:dyDescent="0.2">
      <c r="A449" s="98">
        <v>38</v>
      </c>
      <c r="B449" s="101" t="s">
        <v>120</v>
      </c>
      <c r="C449" s="104" t="s">
        <v>137</v>
      </c>
      <c r="D449" s="107" t="s">
        <v>138</v>
      </c>
      <c r="E449" s="104" t="s">
        <v>122</v>
      </c>
      <c r="F449" s="104" t="s">
        <v>139</v>
      </c>
      <c r="G449" s="8" t="s">
        <v>11</v>
      </c>
      <c r="H449" s="9"/>
      <c r="I449" s="72"/>
      <c r="J449" s="59"/>
      <c r="K449" s="4"/>
      <c r="L449" s="127" t="s">
        <v>274</v>
      </c>
      <c r="M449" s="38"/>
      <c r="N449" s="27"/>
    </row>
    <row r="450" spans="1:14" ht="16.95" customHeight="1" x14ac:dyDescent="0.2">
      <c r="A450" s="99"/>
      <c r="B450" s="102"/>
      <c r="C450" s="105"/>
      <c r="D450" s="108"/>
      <c r="E450" s="105"/>
      <c r="F450" s="105"/>
      <c r="G450" s="12">
        <v>1532787</v>
      </c>
      <c r="H450" s="28"/>
      <c r="I450" s="80"/>
      <c r="J450" s="68"/>
      <c r="K450" s="6"/>
      <c r="L450" s="128"/>
      <c r="M450" s="44"/>
      <c r="N450" s="54"/>
    </row>
    <row r="451" spans="1:14" ht="16.95" customHeight="1" x14ac:dyDescent="0.2">
      <c r="A451" s="99"/>
      <c r="B451" s="102"/>
      <c r="C451" s="105"/>
      <c r="D451" s="108"/>
      <c r="E451" s="105"/>
      <c r="F451" s="105"/>
      <c r="G451" s="12"/>
      <c r="H451" s="28"/>
      <c r="I451" s="80"/>
      <c r="J451" s="68"/>
      <c r="K451" s="6"/>
      <c r="L451" s="128"/>
      <c r="M451" s="44"/>
      <c r="N451" s="54"/>
    </row>
    <row r="452" spans="1:14" ht="16.95" customHeight="1" x14ac:dyDescent="0.2">
      <c r="A452" s="99"/>
      <c r="B452" s="102"/>
      <c r="C452" s="105"/>
      <c r="D452" s="108"/>
      <c r="E452" s="105"/>
      <c r="F452" s="105"/>
      <c r="G452" s="12" t="s">
        <v>12</v>
      </c>
      <c r="H452" s="28"/>
      <c r="I452" s="80"/>
      <c r="J452" s="68"/>
      <c r="K452" s="6"/>
      <c r="L452" s="128"/>
      <c r="M452" s="44"/>
      <c r="N452" s="54"/>
    </row>
    <row r="453" spans="1:14" ht="16.95" customHeight="1" x14ac:dyDescent="0.2">
      <c r="A453" s="99"/>
      <c r="B453" s="102"/>
      <c r="C453" s="105"/>
      <c r="D453" s="108"/>
      <c r="E453" s="105"/>
      <c r="F453" s="105"/>
      <c r="G453" s="12">
        <v>6897</v>
      </c>
      <c r="H453" s="28"/>
      <c r="I453" s="80"/>
      <c r="J453" s="68"/>
      <c r="K453" s="6"/>
      <c r="L453" s="128"/>
      <c r="M453" s="44"/>
      <c r="N453" s="54"/>
    </row>
    <row r="454" spans="1:14" ht="16.95" customHeight="1" x14ac:dyDescent="0.2">
      <c r="A454" s="99"/>
      <c r="B454" s="102"/>
      <c r="C454" s="105"/>
      <c r="D454" s="108"/>
      <c r="E454" s="105"/>
      <c r="F454" s="105"/>
      <c r="G454" s="25"/>
      <c r="H454" s="28"/>
      <c r="I454" s="80"/>
      <c r="J454" s="68"/>
      <c r="K454" s="15"/>
      <c r="L454" s="128"/>
      <c r="M454" s="146"/>
      <c r="N454" s="119" t="s">
        <v>373</v>
      </c>
    </row>
    <row r="455" spans="1:14" ht="16.95" customHeight="1" x14ac:dyDescent="0.2">
      <c r="A455" s="99"/>
      <c r="B455" s="102"/>
      <c r="C455" s="105"/>
      <c r="D455" s="108"/>
      <c r="E455" s="105"/>
      <c r="F455" s="105"/>
      <c r="G455" s="25"/>
      <c r="H455" s="10" t="s">
        <v>210</v>
      </c>
      <c r="I455" s="73">
        <v>199294</v>
      </c>
      <c r="J455" s="60">
        <v>201802</v>
      </c>
      <c r="K455" s="11">
        <v>204823</v>
      </c>
      <c r="L455" s="128"/>
      <c r="M455" s="146"/>
      <c r="N455" s="119"/>
    </row>
    <row r="456" spans="1:14" ht="16.95" customHeight="1" x14ac:dyDescent="0.2">
      <c r="A456" s="99"/>
      <c r="B456" s="102"/>
      <c r="C456" s="105"/>
      <c r="D456" s="108"/>
      <c r="E456" s="105"/>
      <c r="F456" s="105"/>
      <c r="G456" s="25"/>
      <c r="H456" s="13" t="s">
        <v>211</v>
      </c>
      <c r="I456" s="74">
        <v>18760</v>
      </c>
      <c r="J456" s="61">
        <v>17072</v>
      </c>
      <c r="K456" s="14">
        <v>17636</v>
      </c>
      <c r="L456" s="128"/>
      <c r="M456" s="146"/>
      <c r="N456" s="119"/>
    </row>
    <row r="457" spans="1:14" ht="16.95" customHeight="1" x14ac:dyDescent="0.2">
      <c r="A457" s="99"/>
      <c r="B457" s="102"/>
      <c r="C457" s="105"/>
      <c r="D457" s="108"/>
      <c r="E457" s="105"/>
      <c r="F457" s="105"/>
      <c r="G457" s="25"/>
      <c r="H457" s="13" t="s">
        <v>212</v>
      </c>
      <c r="I457" s="74">
        <v>30303</v>
      </c>
      <c r="J457" s="61">
        <v>30295</v>
      </c>
      <c r="K457" s="14">
        <v>30306</v>
      </c>
      <c r="L457" s="128"/>
      <c r="M457" s="146"/>
      <c r="N457" s="119"/>
    </row>
    <row r="458" spans="1:14" ht="16.95" customHeight="1" x14ac:dyDescent="0.2">
      <c r="A458" s="99"/>
      <c r="B458" s="102"/>
      <c r="C458" s="105"/>
      <c r="D458" s="108"/>
      <c r="E458" s="105"/>
      <c r="F458" s="105"/>
      <c r="G458" s="25"/>
      <c r="H458" s="5"/>
      <c r="I458" s="83"/>
      <c r="J458" s="62"/>
      <c r="K458" s="15"/>
      <c r="L458" s="128"/>
      <c r="M458" s="146"/>
      <c r="N458" s="119"/>
    </row>
    <row r="459" spans="1:14" ht="16.95" customHeight="1" x14ac:dyDescent="0.2">
      <c r="A459" s="99"/>
      <c r="B459" s="102"/>
      <c r="C459" s="105"/>
      <c r="D459" s="108"/>
      <c r="E459" s="105"/>
      <c r="F459" s="105"/>
      <c r="G459" s="25"/>
      <c r="H459" s="5"/>
      <c r="I459" s="83"/>
      <c r="J459" s="62"/>
      <c r="K459" s="15"/>
      <c r="L459" s="128"/>
      <c r="M459" s="146"/>
      <c r="N459" s="119"/>
    </row>
    <row r="460" spans="1:14" ht="16.95" customHeight="1" thickBot="1" x14ac:dyDescent="0.25">
      <c r="A460" s="99"/>
      <c r="B460" s="103"/>
      <c r="C460" s="106"/>
      <c r="D460" s="109"/>
      <c r="E460" s="106"/>
      <c r="F460" s="106"/>
      <c r="G460" s="26"/>
      <c r="H460" s="10" t="s">
        <v>213</v>
      </c>
      <c r="I460" s="76">
        <v>-11543</v>
      </c>
      <c r="J460" s="63">
        <v>-13223</v>
      </c>
      <c r="K460" s="16">
        <v>-12670</v>
      </c>
      <c r="L460" s="128"/>
      <c r="M460" s="163"/>
      <c r="N460" s="119"/>
    </row>
    <row r="461" spans="1:14" ht="16.95" customHeight="1" thickTop="1" x14ac:dyDescent="0.2">
      <c r="A461" s="98">
        <v>39</v>
      </c>
      <c r="B461" s="101" t="s">
        <v>120</v>
      </c>
      <c r="C461" s="104" t="s">
        <v>140</v>
      </c>
      <c r="D461" s="107" t="s">
        <v>138</v>
      </c>
      <c r="E461" s="104" t="s">
        <v>122</v>
      </c>
      <c r="F461" s="104" t="s">
        <v>141</v>
      </c>
      <c r="G461" s="24" t="s">
        <v>11</v>
      </c>
      <c r="H461" s="10" t="s">
        <v>214</v>
      </c>
      <c r="I461" s="84">
        <v>0.15205174265156002</v>
      </c>
      <c r="J461" s="69">
        <v>0.15012239720121703</v>
      </c>
      <c r="K461" s="17">
        <v>0.14796189881019223</v>
      </c>
      <c r="L461" s="127" t="s">
        <v>275</v>
      </c>
      <c r="M461" s="126"/>
      <c r="N461" s="126" t="s">
        <v>76</v>
      </c>
    </row>
    <row r="462" spans="1:14" ht="16.95" customHeight="1" x14ac:dyDescent="0.2">
      <c r="A462" s="99"/>
      <c r="B462" s="102"/>
      <c r="C462" s="105"/>
      <c r="D462" s="108"/>
      <c r="E462" s="105"/>
      <c r="F462" s="105"/>
      <c r="G462" s="25">
        <v>10489</v>
      </c>
      <c r="H462" s="13" t="s">
        <v>215</v>
      </c>
      <c r="I462" s="77">
        <v>5.7919455678545263E-2</v>
      </c>
      <c r="J462" s="64">
        <v>6.5524623145459412E-2</v>
      </c>
      <c r="K462" s="18">
        <v>6.1858287399364331E-2</v>
      </c>
      <c r="L462" s="128"/>
      <c r="M462" s="126"/>
      <c r="N462" s="126"/>
    </row>
    <row r="463" spans="1:14" ht="16.95" customHeight="1" x14ac:dyDescent="0.2">
      <c r="A463" s="99"/>
      <c r="B463" s="102"/>
      <c r="C463" s="105"/>
      <c r="D463" s="108"/>
      <c r="E463" s="105"/>
      <c r="F463" s="105"/>
      <c r="G463" s="25"/>
      <c r="H463" s="30" t="s">
        <v>329</v>
      </c>
      <c r="I463" s="78"/>
      <c r="J463" s="65"/>
      <c r="K463" s="6"/>
      <c r="L463" s="128"/>
      <c r="M463" s="126"/>
      <c r="N463" s="126"/>
    </row>
    <row r="464" spans="1:14" ht="16.95" customHeight="1" x14ac:dyDescent="0.2">
      <c r="A464" s="99"/>
      <c r="B464" s="102"/>
      <c r="C464" s="105"/>
      <c r="D464" s="108"/>
      <c r="E464" s="105"/>
      <c r="F464" s="105"/>
      <c r="G464" s="25" t="s">
        <v>12</v>
      </c>
      <c r="H464" s="30"/>
      <c r="I464" s="78"/>
      <c r="J464" s="65"/>
      <c r="K464" s="6"/>
      <c r="L464" s="128"/>
      <c r="M464" s="126"/>
      <c r="N464" s="126" t="s">
        <v>142</v>
      </c>
    </row>
    <row r="465" spans="1:14" ht="16.95" customHeight="1" x14ac:dyDescent="0.2">
      <c r="A465" s="99"/>
      <c r="B465" s="102"/>
      <c r="C465" s="105"/>
      <c r="D465" s="108"/>
      <c r="E465" s="105"/>
      <c r="F465" s="105"/>
      <c r="G465" s="12">
        <v>377</v>
      </c>
      <c r="H465" s="30"/>
      <c r="I465" s="78"/>
      <c r="J465" s="65"/>
      <c r="K465" s="6"/>
      <c r="L465" s="128"/>
      <c r="M465" s="126"/>
      <c r="N465" s="126"/>
    </row>
    <row r="466" spans="1:14" ht="16.95" customHeight="1" x14ac:dyDescent="0.2">
      <c r="A466" s="99"/>
      <c r="B466" s="102"/>
      <c r="C466" s="105"/>
      <c r="D466" s="108"/>
      <c r="E466" s="105"/>
      <c r="F466" s="105"/>
      <c r="G466" s="25"/>
      <c r="H466" s="30"/>
      <c r="I466" s="78"/>
      <c r="J466" s="65"/>
      <c r="K466" s="6"/>
      <c r="L466" s="128"/>
      <c r="M466" s="126"/>
      <c r="N466" s="126"/>
    </row>
    <row r="467" spans="1:14" ht="16.95" customHeight="1" x14ac:dyDescent="0.2">
      <c r="A467" s="99"/>
      <c r="B467" s="102"/>
      <c r="C467" s="105"/>
      <c r="D467" s="108"/>
      <c r="E467" s="105"/>
      <c r="F467" s="105"/>
      <c r="G467" s="25"/>
      <c r="H467" s="30"/>
      <c r="I467" s="78"/>
      <c r="J467" s="65"/>
      <c r="K467" s="6"/>
      <c r="L467" s="128"/>
      <c r="M467" s="126"/>
      <c r="N467" s="126"/>
    </row>
    <row r="468" spans="1:14" ht="16.95" customHeight="1" x14ac:dyDescent="0.2">
      <c r="A468" s="99"/>
      <c r="B468" s="102"/>
      <c r="C468" s="105"/>
      <c r="D468" s="108"/>
      <c r="E468" s="105"/>
      <c r="F468" s="105"/>
      <c r="G468" s="25"/>
      <c r="H468" s="30"/>
      <c r="I468" s="78"/>
      <c r="J468" s="65"/>
      <c r="K468" s="6"/>
      <c r="L468" s="128"/>
      <c r="M468" s="44"/>
      <c r="N468" s="54"/>
    </row>
    <row r="469" spans="1:14" ht="16.95" customHeight="1" x14ac:dyDescent="0.2">
      <c r="A469" s="99"/>
      <c r="B469" s="102"/>
      <c r="C469" s="105"/>
      <c r="D469" s="108"/>
      <c r="E469" s="105"/>
      <c r="F469" s="105"/>
      <c r="G469" s="25"/>
      <c r="H469" s="30"/>
      <c r="I469" s="78"/>
      <c r="J469" s="65"/>
      <c r="K469" s="6"/>
      <c r="L469" s="128"/>
      <c r="M469" s="44"/>
      <c r="N469" s="54"/>
    </row>
    <row r="470" spans="1:14" ht="16.95" customHeight="1" x14ac:dyDescent="0.2">
      <c r="A470" s="99"/>
      <c r="B470" s="102"/>
      <c r="C470" s="105"/>
      <c r="D470" s="108"/>
      <c r="E470" s="105"/>
      <c r="F470" s="105"/>
      <c r="G470" s="25"/>
      <c r="H470" s="30"/>
      <c r="I470" s="78"/>
      <c r="J470" s="65"/>
      <c r="K470" s="6"/>
      <c r="L470" s="128"/>
      <c r="M470" s="44"/>
      <c r="N470" s="54"/>
    </row>
    <row r="471" spans="1:14" ht="16.95" customHeight="1" x14ac:dyDescent="0.2">
      <c r="A471" s="99"/>
      <c r="B471" s="102"/>
      <c r="C471" s="105"/>
      <c r="D471" s="108"/>
      <c r="E471" s="105"/>
      <c r="F471" s="105"/>
      <c r="G471" s="25"/>
      <c r="H471" s="30"/>
      <c r="I471" s="78"/>
      <c r="J471" s="65"/>
      <c r="K471" s="6"/>
      <c r="L471" s="128"/>
      <c r="M471" s="44"/>
      <c r="N471" s="54"/>
    </row>
    <row r="472" spans="1:14" ht="16.95" customHeight="1" thickBot="1" x14ac:dyDescent="0.25">
      <c r="A472" s="100"/>
      <c r="B472" s="103"/>
      <c r="C472" s="106"/>
      <c r="D472" s="109"/>
      <c r="E472" s="106"/>
      <c r="F472" s="106"/>
      <c r="G472" s="26"/>
      <c r="H472" s="31"/>
      <c r="I472" s="79"/>
      <c r="J472" s="66"/>
      <c r="K472" s="7"/>
      <c r="L472" s="129"/>
      <c r="M472" s="45"/>
      <c r="N472" s="55"/>
    </row>
    <row r="473" spans="1:14" ht="16.95" customHeight="1" thickTop="1" x14ac:dyDescent="0.2">
      <c r="A473" s="98">
        <v>40</v>
      </c>
      <c r="B473" s="101" t="s">
        <v>120</v>
      </c>
      <c r="C473" s="104" t="s">
        <v>143</v>
      </c>
      <c r="D473" s="107" t="s">
        <v>16</v>
      </c>
      <c r="E473" s="104" t="s">
        <v>122</v>
      </c>
      <c r="F473" s="104" t="s">
        <v>144</v>
      </c>
      <c r="G473" s="8" t="s">
        <v>11</v>
      </c>
      <c r="H473" s="9"/>
      <c r="I473" s="72"/>
      <c r="J473" s="59"/>
      <c r="K473" s="4"/>
      <c r="L473" s="127" t="s">
        <v>276</v>
      </c>
      <c r="M473" s="134"/>
      <c r="N473" s="124" t="s">
        <v>374</v>
      </c>
    </row>
    <row r="474" spans="1:14" ht="16.95" customHeight="1" x14ac:dyDescent="0.2">
      <c r="A474" s="99"/>
      <c r="B474" s="102"/>
      <c r="C474" s="105"/>
      <c r="D474" s="108"/>
      <c r="E474" s="105"/>
      <c r="F474" s="105"/>
      <c r="G474" s="12">
        <v>12220226</v>
      </c>
      <c r="H474" s="10" t="s">
        <v>210</v>
      </c>
      <c r="I474" s="73">
        <v>723575</v>
      </c>
      <c r="J474" s="60">
        <v>804815</v>
      </c>
      <c r="K474" s="11">
        <v>819596</v>
      </c>
      <c r="L474" s="128"/>
      <c r="M474" s="105"/>
      <c r="N474" s="119"/>
    </row>
    <row r="475" spans="1:14" ht="16.95" customHeight="1" x14ac:dyDescent="0.2">
      <c r="A475" s="99"/>
      <c r="B475" s="102"/>
      <c r="C475" s="105"/>
      <c r="D475" s="108"/>
      <c r="E475" s="105"/>
      <c r="F475" s="105"/>
      <c r="G475" s="12"/>
      <c r="H475" s="13" t="s">
        <v>211</v>
      </c>
      <c r="I475" s="74">
        <v>140109</v>
      </c>
      <c r="J475" s="61">
        <v>143425</v>
      </c>
      <c r="K475" s="14">
        <v>143503</v>
      </c>
      <c r="L475" s="128"/>
      <c r="M475" s="105"/>
      <c r="N475" s="119"/>
    </row>
    <row r="476" spans="1:14" ht="16.95" customHeight="1" x14ac:dyDescent="0.2">
      <c r="A476" s="99"/>
      <c r="B476" s="102"/>
      <c r="C476" s="105"/>
      <c r="D476" s="108"/>
      <c r="E476" s="105"/>
      <c r="F476" s="105"/>
      <c r="G476" s="12" t="s">
        <v>12</v>
      </c>
      <c r="H476" s="13" t="s">
        <v>212</v>
      </c>
      <c r="I476" s="74">
        <v>338395</v>
      </c>
      <c r="J476" s="61">
        <v>339952</v>
      </c>
      <c r="K476" s="14">
        <v>346533</v>
      </c>
      <c r="L476" s="128"/>
      <c r="M476" s="105"/>
      <c r="N476" s="119"/>
    </row>
    <row r="477" spans="1:14" ht="16.95" customHeight="1" x14ac:dyDescent="0.2">
      <c r="A477" s="99"/>
      <c r="B477" s="102"/>
      <c r="C477" s="105"/>
      <c r="D477" s="108"/>
      <c r="E477" s="105"/>
      <c r="F477" s="105"/>
      <c r="G477" s="12">
        <v>1302039</v>
      </c>
      <c r="H477" s="5"/>
      <c r="I477" s="83"/>
      <c r="J477" s="62"/>
      <c r="K477" s="15"/>
      <c r="L477" s="128"/>
      <c r="M477" s="105"/>
      <c r="N477" s="119"/>
    </row>
    <row r="478" spans="1:14" ht="16.95" customHeight="1" x14ac:dyDescent="0.2">
      <c r="A478" s="99"/>
      <c r="B478" s="102"/>
      <c r="C478" s="105"/>
      <c r="D478" s="108"/>
      <c r="E478" s="105"/>
      <c r="F478" s="105"/>
      <c r="G478" s="25"/>
      <c r="H478" s="5"/>
      <c r="I478" s="83"/>
      <c r="J478" s="62"/>
      <c r="K478" s="15"/>
      <c r="L478" s="128"/>
      <c r="M478" s="105"/>
      <c r="N478" s="119"/>
    </row>
    <row r="479" spans="1:14" ht="16.95" customHeight="1" x14ac:dyDescent="0.2">
      <c r="A479" s="99"/>
      <c r="B479" s="102"/>
      <c r="C479" s="105"/>
      <c r="D479" s="108"/>
      <c r="E479" s="105"/>
      <c r="F479" s="105"/>
      <c r="G479" s="25"/>
      <c r="H479" s="10" t="s">
        <v>213</v>
      </c>
      <c r="I479" s="76">
        <v>-198286</v>
      </c>
      <c r="J479" s="63">
        <v>-196527</v>
      </c>
      <c r="K479" s="16">
        <v>-203030</v>
      </c>
      <c r="L479" s="128"/>
      <c r="M479" s="105"/>
      <c r="N479" s="119"/>
    </row>
    <row r="480" spans="1:14" ht="16.95" customHeight="1" x14ac:dyDescent="0.2">
      <c r="A480" s="99"/>
      <c r="B480" s="102"/>
      <c r="C480" s="105"/>
      <c r="D480" s="108"/>
      <c r="E480" s="105"/>
      <c r="F480" s="105"/>
      <c r="G480" s="25"/>
      <c r="H480" s="13" t="s">
        <v>214</v>
      </c>
      <c r="I480" s="77">
        <v>0.46767093943267801</v>
      </c>
      <c r="J480" s="64">
        <v>0.42239769387996001</v>
      </c>
      <c r="K480" s="17">
        <v>0.4228095305491974</v>
      </c>
      <c r="L480" s="128"/>
      <c r="M480" s="105"/>
      <c r="N480" s="119"/>
    </row>
    <row r="481" spans="1:14" ht="16.95" customHeight="1" x14ac:dyDescent="0.2">
      <c r="A481" s="99"/>
      <c r="B481" s="102"/>
      <c r="C481" s="105"/>
      <c r="D481" s="108"/>
      <c r="E481" s="105"/>
      <c r="F481" s="105"/>
      <c r="G481" s="25"/>
      <c r="H481" s="13" t="s">
        <v>215</v>
      </c>
      <c r="I481" s="77">
        <v>0.27403655460733167</v>
      </c>
      <c r="J481" s="64">
        <v>0.24418903723215896</v>
      </c>
      <c r="K481" s="18">
        <v>0.24771960819720937</v>
      </c>
      <c r="L481" s="128"/>
      <c r="M481" s="105"/>
      <c r="N481" s="119"/>
    </row>
    <row r="482" spans="1:14" ht="16.95" customHeight="1" x14ac:dyDescent="0.2">
      <c r="A482" s="99"/>
      <c r="B482" s="102"/>
      <c r="C482" s="105"/>
      <c r="D482" s="108"/>
      <c r="E482" s="105"/>
      <c r="F482" s="105"/>
      <c r="G482" s="25"/>
      <c r="H482" s="19"/>
      <c r="I482" s="78"/>
      <c r="J482" s="65"/>
      <c r="K482" s="6"/>
      <c r="L482" s="128"/>
      <c r="M482" s="105"/>
      <c r="N482" s="119"/>
    </row>
    <row r="483" spans="1:14" ht="16.95" customHeight="1" x14ac:dyDescent="0.2">
      <c r="A483" s="99"/>
      <c r="B483" s="102"/>
      <c r="C483" s="105"/>
      <c r="D483" s="108"/>
      <c r="E483" s="105"/>
      <c r="F483" s="105"/>
      <c r="G483" s="25"/>
      <c r="H483" s="19"/>
      <c r="I483" s="78"/>
      <c r="J483" s="65"/>
      <c r="K483" s="6"/>
      <c r="L483" s="128"/>
      <c r="M483" s="105"/>
      <c r="N483" s="119"/>
    </row>
    <row r="484" spans="1:14" ht="16.95" customHeight="1" thickBot="1" x14ac:dyDescent="0.25">
      <c r="A484" s="100"/>
      <c r="B484" s="103"/>
      <c r="C484" s="106"/>
      <c r="D484" s="109"/>
      <c r="E484" s="106"/>
      <c r="F484" s="106"/>
      <c r="G484" s="26"/>
      <c r="H484" s="22"/>
      <c r="I484" s="79"/>
      <c r="J484" s="66"/>
      <c r="K484" s="7"/>
      <c r="L484" s="129"/>
      <c r="M484" s="106"/>
      <c r="N484" s="120"/>
    </row>
    <row r="485" spans="1:14" ht="16.95" customHeight="1" thickTop="1" x14ac:dyDescent="0.2">
      <c r="A485" s="98">
        <v>41</v>
      </c>
      <c r="B485" s="101" t="s">
        <v>120</v>
      </c>
      <c r="C485" s="104" t="s">
        <v>145</v>
      </c>
      <c r="D485" s="107" t="s">
        <v>16</v>
      </c>
      <c r="E485" s="104" t="s">
        <v>122</v>
      </c>
      <c r="F485" s="104" t="s">
        <v>340</v>
      </c>
      <c r="G485" s="8" t="s">
        <v>11</v>
      </c>
      <c r="H485" s="9"/>
      <c r="I485" s="72"/>
      <c r="J485" s="59"/>
      <c r="K485" s="4"/>
      <c r="L485" s="127" t="s">
        <v>277</v>
      </c>
      <c r="M485" s="134"/>
      <c r="N485" s="124" t="s">
        <v>375</v>
      </c>
    </row>
    <row r="486" spans="1:14" ht="16.95" customHeight="1" x14ac:dyDescent="0.2">
      <c r="A486" s="99"/>
      <c r="B486" s="102"/>
      <c r="C486" s="105"/>
      <c r="D486" s="108"/>
      <c r="E486" s="105"/>
      <c r="F486" s="105"/>
      <c r="G486" s="12">
        <v>10604270</v>
      </c>
      <c r="H486" s="10" t="s">
        <v>210</v>
      </c>
      <c r="I486" s="73">
        <v>1194976</v>
      </c>
      <c r="J486" s="60">
        <v>1127795</v>
      </c>
      <c r="K486" s="11">
        <v>1345654</v>
      </c>
      <c r="L486" s="128"/>
      <c r="M486" s="105"/>
      <c r="N486" s="119"/>
    </row>
    <row r="487" spans="1:14" ht="16.95" customHeight="1" x14ac:dyDescent="0.2">
      <c r="A487" s="99"/>
      <c r="B487" s="102"/>
      <c r="C487" s="105"/>
      <c r="D487" s="108"/>
      <c r="E487" s="105"/>
      <c r="F487" s="105"/>
      <c r="G487" s="12"/>
      <c r="H487" s="13" t="s">
        <v>211</v>
      </c>
      <c r="I487" s="74">
        <v>60077</v>
      </c>
      <c r="J487" s="61">
        <v>54906</v>
      </c>
      <c r="K487" s="14">
        <v>58269</v>
      </c>
      <c r="L487" s="128"/>
      <c r="M487" s="105"/>
      <c r="N487" s="119"/>
    </row>
    <row r="488" spans="1:14" ht="16.95" customHeight="1" x14ac:dyDescent="0.2">
      <c r="A488" s="99"/>
      <c r="B488" s="102"/>
      <c r="C488" s="105"/>
      <c r="D488" s="108"/>
      <c r="E488" s="105"/>
      <c r="F488" s="105"/>
      <c r="G488" s="12" t="s">
        <v>12</v>
      </c>
      <c r="H488" s="13" t="s">
        <v>212</v>
      </c>
      <c r="I488" s="74">
        <v>138056</v>
      </c>
      <c r="J488" s="61">
        <v>137004</v>
      </c>
      <c r="K488" s="14">
        <v>134902</v>
      </c>
      <c r="L488" s="128"/>
      <c r="M488" s="105"/>
      <c r="N488" s="119"/>
    </row>
    <row r="489" spans="1:14" ht="16.95" customHeight="1" x14ac:dyDescent="0.2">
      <c r="A489" s="99"/>
      <c r="B489" s="102"/>
      <c r="C489" s="105"/>
      <c r="D489" s="108"/>
      <c r="E489" s="105"/>
      <c r="F489" s="105"/>
      <c r="G489" s="12">
        <v>378812</v>
      </c>
      <c r="H489" s="5"/>
      <c r="I489" s="83"/>
      <c r="J489" s="62"/>
      <c r="K489" s="15"/>
      <c r="L489" s="128"/>
      <c r="M489" s="105"/>
      <c r="N489" s="119"/>
    </row>
    <row r="490" spans="1:14" ht="16.95" customHeight="1" x14ac:dyDescent="0.2">
      <c r="A490" s="99"/>
      <c r="B490" s="102"/>
      <c r="C490" s="105"/>
      <c r="D490" s="108"/>
      <c r="E490" s="105"/>
      <c r="F490" s="105"/>
      <c r="G490" s="25"/>
      <c r="H490" s="5"/>
      <c r="I490" s="83"/>
      <c r="J490" s="62"/>
      <c r="K490" s="15"/>
      <c r="L490" s="128"/>
      <c r="M490" s="105"/>
      <c r="N490" s="119"/>
    </row>
    <row r="491" spans="1:14" ht="16.95" customHeight="1" x14ac:dyDescent="0.2">
      <c r="A491" s="99"/>
      <c r="B491" s="102"/>
      <c r="C491" s="105"/>
      <c r="D491" s="108"/>
      <c r="E491" s="105"/>
      <c r="F491" s="105"/>
      <c r="G491" s="25"/>
      <c r="H491" s="10" t="s">
        <v>213</v>
      </c>
      <c r="I491" s="76">
        <v>-77979</v>
      </c>
      <c r="J491" s="63">
        <v>-82098</v>
      </c>
      <c r="K491" s="16">
        <v>-76633</v>
      </c>
      <c r="L491" s="128"/>
      <c r="M491" s="105"/>
      <c r="N491" s="119"/>
    </row>
    <row r="492" spans="1:14" ht="16.95" customHeight="1" x14ac:dyDescent="0.2">
      <c r="A492" s="99"/>
      <c r="B492" s="102"/>
      <c r="C492" s="105"/>
      <c r="D492" s="108"/>
      <c r="E492" s="105"/>
      <c r="F492" s="105"/>
      <c r="G492" s="25"/>
      <c r="H492" s="13" t="s">
        <v>214</v>
      </c>
      <c r="I492" s="77">
        <v>0.11553035374769033</v>
      </c>
      <c r="J492" s="64">
        <v>0.12147952420431019</v>
      </c>
      <c r="K492" s="17">
        <v>0.10025013859431919</v>
      </c>
      <c r="L492" s="128"/>
      <c r="M492" s="105"/>
      <c r="N492" s="119"/>
    </row>
    <row r="493" spans="1:14" ht="16.95" customHeight="1" x14ac:dyDescent="0.2">
      <c r="A493" s="99"/>
      <c r="B493" s="102"/>
      <c r="C493" s="105"/>
      <c r="D493" s="108"/>
      <c r="E493" s="105"/>
      <c r="F493" s="105"/>
      <c r="G493" s="25"/>
      <c r="H493" s="13" t="s">
        <v>215</v>
      </c>
      <c r="I493" s="77">
        <v>6.5255703880245292E-2</v>
      </c>
      <c r="J493" s="64">
        <v>7.2795144507645446E-2</v>
      </c>
      <c r="K493" s="18">
        <v>5.69485172265679E-2</v>
      </c>
      <c r="L493" s="128"/>
      <c r="M493" s="105"/>
      <c r="N493" s="119"/>
    </row>
    <row r="494" spans="1:14" ht="16.95" customHeight="1" x14ac:dyDescent="0.2">
      <c r="A494" s="99"/>
      <c r="B494" s="102"/>
      <c r="C494" s="105"/>
      <c r="D494" s="108"/>
      <c r="E494" s="105"/>
      <c r="F494" s="105"/>
      <c r="G494" s="25"/>
      <c r="H494" s="19"/>
      <c r="I494" s="78"/>
      <c r="J494" s="65"/>
      <c r="K494" s="6"/>
      <c r="L494" s="128"/>
      <c r="M494" s="105"/>
      <c r="N494" s="119"/>
    </row>
    <row r="495" spans="1:14" ht="16.95" customHeight="1" x14ac:dyDescent="0.2">
      <c r="A495" s="99"/>
      <c r="B495" s="102"/>
      <c r="C495" s="105"/>
      <c r="D495" s="108"/>
      <c r="E495" s="105"/>
      <c r="F495" s="105"/>
      <c r="G495" s="25"/>
      <c r="H495" s="19"/>
      <c r="I495" s="78"/>
      <c r="J495" s="65"/>
      <c r="K495" s="6"/>
      <c r="L495" s="128"/>
      <c r="M495" s="105"/>
      <c r="N495" s="119"/>
    </row>
    <row r="496" spans="1:14" ht="16.95" customHeight="1" thickBot="1" x14ac:dyDescent="0.25">
      <c r="A496" s="99"/>
      <c r="B496" s="103"/>
      <c r="C496" s="106"/>
      <c r="D496" s="109"/>
      <c r="E496" s="106"/>
      <c r="F496" s="106"/>
      <c r="G496" s="26"/>
      <c r="H496" s="22"/>
      <c r="I496" s="79"/>
      <c r="J496" s="66"/>
      <c r="K496" s="7"/>
      <c r="L496" s="129"/>
      <c r="M496" s="106"/>
      <c r="N496" s="120"/>
    </row>
    <row r="497" spans="1:14" ht="16.95" customHeight="1" thickTop="1" x14ac:dyDescent="0.2">
      <c r="A497" s="98">
        <v>42</v>
      </c>
      <c r="B497" s="101" t="s">
        <v>120</v>
      </c>
      <c r="C497" s="104" t="s">
        <v>146</v>
      </c>
      <c r="D497" s="107" t="s">
        <v>102</v>
      </c>
      <c r="E497" s="104" t="s">
        <v>122</v>
      </c>
      <c r="F497" s="104" t="s">
        <v>147</v>
      </c>
      <c r="G497" s="8" t="s">
        <v>11</v>
      </c>
      <c r="H497" s="9"/>
      <c r="I497" s="72"/>
      <c r="J497" s="59"/>
      <c r="K497" s="4"/>
      <c r="L497" s="127" t="s">
        <v>278</v>
      </c>
      <c r="M497" s="134"/>
      <c r="N497" s="124" t="s">
        <v>376</v>
      </c>
    </row>
    <row r="498" spans="1:14" ht="16.95" customHeight="1" x14ac:dyDescent="0.2">
      <c r="A498" s="99"/>
      <c r="B498" s="102"/>
      <c r="C498" s="105"/>
      <c r="D498" s="108"/>
      <c r="E498" s="105"/>
      <c r="F498" s="105"/>
      <c r="G498" s="12">
        <v>17182598</v>
      </c>
      <c r="H498" s="10" t="s">
        <v>210</v>
      </c>
      <c r="I498" s="73">
        <v>2126080</v>
      </c>
      <c r="J498" s="60">
        <v>2035464</v>
      </c>
      <c r="K498" s="11">
        <v>2000208</v>
      </c>
      <c r="L498" s="128"/>
      <c r="M498" s="105"/>
      <c r="N498" s="119"/>
    </row>
    <row r="499" spans="1:14" ht="16.95" customHeight="1" x14ac:dyDescent="0.2">
      <c r="A499" s="99"/>
      <c r="B499" s="102"/>
      <c r="C499" s="105"/>
      <c r="D499" s="108"/>
      <c r="E499" s="105"/>
      <c r="F499" s="105"/>
      <c r="G499" s="12"/>
      <c r="H499" s="13" t="s">
        <v>211</v>
      </c>
      <c r="I499" s="74">
        <v>37361</v>
      </c>
      <c r="J499" s="61">
        <v>36923</v>
      </c>
      <c r="K499" s="14">
        <v>34448</v>
      </c>
      <c r="L499" s="128"/>
      <c r="M499" s="105"/>
      <c r="N499" s="119"/>
    </row>
    <row r="500" spans="1:14" ht="16.95" customHeight="1" x14ac:dyDescent="0.2">
      <c r="A500" s="99"/>
      <c r="B500" s="102"/>
      <c r="C500" s="105"/>
      <c r="D500" s="108"/>
      <c r="E500" s="105"/>
      <c r="F500" s="105"/>
      <c r="G500" s="12" t="s">
        <v>12</v>
      </c>
      <c r="H500" s="13" t="s">
        <v>212</v>
      </c>
      <c r="I500" s="74">
        <v>110751</v>
      </c>
      <c r="J500" s="61">
        <v>112240</v>
      </c>
      <c r="K500" s="14">
        <v>114156</v>
      </c>
      <c r="L500" s="128"/>
      <c r="M500" s="105"/>
      <c r="N500" s="119"/>
    </row>
    <row r="501" spans="1:14" ht="16.95" customHeight="1" x14ac:dyDescent="0.2">
      <c r="A501" s="99"/>
      <c r="B501" s="102"/>
      <c r="C501" s="105"/>
      <c r="D501" s="108"/>
      <c r="E501" s="105"/>
      <c r="F501" s="105"/>
      <c r="G501" s="12">
        <v>835781</v>
      </c>
      <c r="H501" s="5"/>
      <c r="I501" s="85"/>
      <c r="J501" s="62"/>
      <c r="K501" s="15"/>
      <c r="L501" s="128"/>
      <c r="M501" s="105"/>
      <c r="N501" s="119"/>
    </row>
    <row r="502" spans="1:14" ht="16.95" customHeight="1" x14ac:dyDescent="0.2">
      <c r="A502" s="99"/>
      <c r="B502" s="102"/>
      <c r="C502" s="105"/>
      <c r="D502" s="108"/>
      <c r="E502" s="105"/>
      <c r="F502" s="105"/>
      <c r="G502" s="12"/>
      <c r="H502" s="5"/>
      <c r="I502" s="83"/>
      <c r="J502" s="62"/>
      <c r="K502" s="15"/>
      <c r="L502" s="128"/>
      <c r="M502" s="105"/>
      <c r="N502" s="119"/>
    </row>
    <row r="503" spans="1:14" ht="16.95" customHeight="1" x14ac:dyDescent="0.2">
      <c r="A503" s="99"/>
      <c r="B503" s="102"/>
      <c r="C503" s="105"/>
      <c r="D503" s="108"/>
      <c r="E503" s="105"/>
      <c r="F503" s="105"/>
      <c r="G503" s="12"/>
      <c r="H503" s="10" t="s">
        <v>213</v>
      </c>
      <c r="I503" s="76">
        <v>-73390</v>
      </c>
      <c r="J503" s="63">
        <v>-75317</v>
      </c>
      <c r="K503" s="16">
        <v>-79708</v>
      </c>
      <c r="L503" s="128"/>
      <c r="M503" s="105"/>
      <c r="N503" s="119"/>
    </row>
    <row r="504" spans="1:14" ht="16.95" customHeight="1" x14ac:dyDescent="0.2">
      <c r="A504" s="99"/>
      <c r="B504" s="102"/>
      <c r="C504" s="105"/>
      <c r="D504" s="108"/>
      <c r="E504" s="105"/>
      <c r="F504" s="105"/>
      <c r="G504" s="12"/>
      <c r="H504" s="13" t="s">
        <v>214</v>
      </c>
      <c r="I504" s="77">
        <v>5.2091642835641182E-2</v>
      </c>
      <c r="J504" s="64">
        <v>5.5142218187106233E-2</v>
      </c>
      <c r="K504" s="17">
        <v>5.7072064505291446E-2</v>
      </c>
      <c r="L504" s="128"/>
      <c r="M504" s="105"/>
      <c r="N504" s="119"/>
    </row>
    <row r="505" spans="1:14" ht="16.95" customHeight="1" x14ac:dyDescent="0.2">
      <c r="A505" s="99"/>
      <c r="B505" s="102"/>
      <c r="C505" s="105"/>
      <c r="D505" s="108"/>
      <c r="E505" s="105"/>
      <c r="F505" s="105"/>
      <c r="G505" s="12"/>
      <c r="H505" s="13" t="s">
        <v>215</v>
      </c>
      <c r="I505" s="77">
        <v>3.4518926851294401E-2</v>
      </c>
      <c r="J505" s="64">
        <v>3.7002373905900568E-2</v>
      </c>
      <c r="K505" s="18">
        <v>3.9849855615016042E-2</v>
      </c>
      <c r="L505" s="128"/>
      <c r="M505" s="105"/>
      <c r="N505" s="119"/>
    </row>
    <row r="506" spans="1:14" ht="16.95" customHeight="1" x14ac:dyDescent="0.2">
      <c r="A506" s="99"/>
      <c r="B506" s="102"/>
      <c r="C506" s="105"/>
      <c r="D506" s="108"/>
      <c r="E506" s="105"/>
      <c r="F506" s="105"/>
      <c r="G506" s="12"/>
      <c r="H506" s="19"/>
      <c r="I506" s="78"/>
      <c r="J506" s="65"/>
      <c r="K506" s="6"/>
      <c r="L506" s="128"/>
      <c r="M506" s="105"/>
      <c r="N506" s="119"/>
    </row>
    <row r="507" spans="1:14" ht="16.95" customHeight="1" x14ac:dyDescent="0.2">
      <c r="A507" s="99"/>
      <c r="B507" s="102"/>
      <c r="C507" s="105"/>
      <c r="D507" s="108"/>
      <c r="E507" s="105"/>
      <c r="F507" s="105"/>
      <c r="G507" s="12"/>
      <c r="H507" s="19"/>
      <c r="I507" s="78"/>
      <c r="J507" s="65"/>
      <c r="K507" s="6"/>
      <c r="L507" s="128"/>
      <c r="M507" s="105"/>
      <c r="N507" s="119"/>
    </row>
    <row r="508" spans="1:14" ht="16.95" customHeight="1" thickBot="1" x14ac:dyDescent="0.25">
      <c r="A508" s="100"/>
      <c r="B508" s="103"/>
      <c r="C508" s="106"/>
      <c r="D508" s="109"/>
      <c r="E508" s="106"/>
      <c r="F508" s="106"/>
      <c r="G508" s="21"/>
      <c r="H508" s="22"/>
      <c r="I508" s="79"/>
      <c r="J508" s="66"/>
      <c r="K508" s="7"/>
      <c r="L508" s="129"/>
      <c r="M508" s="106"/>
      <c r="N508" s="120"/>
    </row>
    <row r="509" spans="1:14" ht="16.95" customHeight="1" thickTop="1" x14ac:dyDescent="0.2">
      <c r="A509" s="98">
        <v>43</v>
      </c>
      <c r="B509" s="101" t="s">
        <v>120</v>
      </c>
      <c r="C509" s="104" t="s">
        <v>148</v>
      </c>
      <c r="D509" s="107" t="s">
        <v>81</v>
      </c>
      <c r="E509" s="104" t="s">
        <v>122</v>
      </c>
      <c r="F509" s="104" t="s">
        <v>149</v>
      </c>
      <c r="G509" s="8" t="s">
        <v>11</v>
      </c>
      <c r="H509" s="9"/>
      <c r="I509" s="72"/>
      <c r="J509" s="59"/>
      <c r="K509" s="4"/>
      <c r="L509" s="127" t="s">
        <v>279</v>
      </c>
      <c r="M509" s="134"/>
      <c r="N509" s="124" t="s">
        <v>377</v>
      </c>
    </row>
    <row r="510" spans="1:14" ht="16.95" customHeight="1" x14ac:dyDescent="0.2">
      <c r="A510" s="99"/>
      <c r="B510" s="102"/>
      <c r="C510" s="105"/>
      <c r="D510" s="108"/>
      <c r="E510" s="105"/>
      <c r="F510" s="105"/>
      <c r="G510" s="12">
        <v>2198</v>
      </c>
      <c r="H510" s="10" t="s">
        <v>210</v>
      </c>
      <c r="I510" s="73">
        <v>361300</v>
      </c>
      <c r="J510" s="60">
        <v>364570</v>
      </c>
      <c r="K510" s="11">
        <v>394590</v>
      </c>
      <c r="L510" s="128"/>
      <c r="M510" s="105"/>
      <c r="N510" s="119"/>
    </row>
    <row r="511" spans="1:14" ht="16.95" customHeight="1" x14ac:dyDescent="0.2">
      <c r="A511" s="99"/>
      <c r="B511" s="102"/>
      <c r="C511" s="105"/>
      <c r="D511" s="108"/>
      <c r="E511" s="105"/>
      <c r="F511" s="105"/>
      <c r="G511" s="12"/>
      <c r="H511" s="13" t="s">
        <v>211</v>
      </c>
      <c r="I511" s="74">
        <v>30249</v>
      </c>
      <c r="J511" s="61">
        <v>33639</v>
      </c>
      <c r="K511" s="14">
        <v>39467</v>
      </c>
      <c r="L511" s="128"/>
      <c r="M511" s="105"/>
      <c r="N511" s="119"/>
    </row>
    <row r="512" spans="1:14" ht="16.95" customHeight="1" x14ac:dyDescent="0.2">
      <c r="A512" s="99"/>
      <c r="B512" s="102"/>
      <c r="C512" s="105"/>
      <c r="D512" s="108"/>
      <c r="E512" s="105"/>
      <c r="F512" s="105"/>
      <c r="G512" s="12" t="s">
        <v>12</v>
      </c>
      <c r="H512" s="13" t="s">
        <v>212</v>
      </c>
      <c r="I512" s="74">
        <v>48376</v>
      </c>
      <c r="J512" s="61">
        <v>48845</v>
      </c>
      <c r="K512" s="14">
        <v>51886</v>
      </c>
      <c r="L512" s="128"/>
      <c r="M512" s="105"/>
      <c r="N512" s="119"/>
    </row>
    <row r="513" spans="1:14" ht="16.95" customHeight="1" x14ac:dyDescent="0.2">
      <c r="A513" s="99"/>
      <c r="B513" s="102"/>
      <c r="C513" s="105"/>
      <c r="D513" s="108"/>
      <c r="E513" s="105"/>
      <c r="F513" s="105"/>
      <c r="G513" s="12">
        <v>77992</v>
      </c>
      <c r="H513" s="5"/>
      <c r="I513" s="85"/>
      <c r="J513" s="62"/>
      <c r="K513" s="15"/>
      <c r="L513" s="128"/>
      <c r="M513" s="105"/>
      <c r="N513" s="119"/>
    </row>
    <row r="514" spans="1:14" ht="16.95" customHeight="1" x14ac:dyDescent="0.2">
      <c r="A514" s="99"/>
      <c r="B514" s="102"/>
      <c r="C514" s="105"/>
      <c r="D514" s="108"/>
      <c r="E514" s="105"/>
      <c r="F514" s="105"/>
      <c r="G514" s="25"/>
      <c r="H514" s="5"/>
      <c r="I514" s="83"/>
      <c r="J514" s="62"/>
      <c r="K514" s="15"/>
      <c r="L514" s="128"/>
      <c r="M514" s="105"/>
      <c r="N514" s="119"/>
    </row>
    <row r="515" spans="1:14" ht="16.95" customHeight="1" x14ac:dyDescent="0.2">
      <c r="A515" s="99"/>
      <c r="B515" s="102"/>
      <c r="C515" s="105"/>
      <c r="D515" s="108"/>
      <c r="E515" s="105"/>
      <c r="F515" s="105"/>
      <c r="G515" s="25"/>
      <c r="H515" s="10" t="s">
        <v>213</v>
      </c>
      <c r="I515" s="76">
        <v>-18127</v>
      </c>
      <c r="J515" s="63">
        <v>-15206</v>
      </c>
      <c r="K515" s="16">
        <v>-12419</v>
      </c>
      <c r="L515" s="128"/>
      <c r="M515" s="105"/>
      <c r="N515" s="119"/>
    </row>
    <row r="516" spans="1:14" ht="16.95" customHeight="1" x14ac:dyDescent="0.2">
      <c r="A516" s="99"/>
      <c r="B516" s="102"/>
      <c r="C516" s="105"/>
      <c r="D516" s="108"/>
      <c r="E516" s="105"/>
      <c r="F516" s="105"/>
      <c r="G516" s="25"/>
      <c r="H516" s="13" t="s">
        <v>214</v>
      </c>
      <c r="I516" s="77">
        <v>0.13389427068917797</v>
      </c>
      <c r="J516" s="64">
        <v>0.13397975697396933</v>
      </c>
      <c r="K516" s="17">
        <v>0.13149344889632278</v>
      </c>
      <c r="L516" s="128"/>
      <c r="M516" s="105"/>
      <c r="N516" s="119"/>
    </row>
    <row r="517" spans="1:14" ht="16.95" customHeight="1" x14ac:dyDescent="0.2">
      <c r="A517" s="99"/>
      <c r="B517" s="102"/>
      <c r="C517" s="105"/>
      <c r="D517" s="108"/>
      <c r="E517" s="105"/>
      <c r="F517" s="105"/>
      <c r="G517" s="25"/>
      <c r="H517" s="13" t="s">
        <v>215</v>
      </c>
      <c r="I517" s="77">
        <v>5.0171602546360362E-2</v>
      </c>
      <c r="J517" s="64">
        <v>4.1709411087034041E-2</v>
      </c>
      <c r="K517" s="18">
        <v>3.1473174687650471E-2</v>
      </c>
      <c r="L517" s="128"/>
      <c r="M517" s="105"/>
      <c r="N517" s="119"/>
    </row>
    <row r="518" spans="1:14" ht="16.95" customHeight="1" x14ac:dyDescent="0.2">
      <c r="A518" s="99"/>
      <c r="B518" s="102"/>
      <c r="C518" s="105"/>
      <c r="D518" s="108"/>
      <c r="E518" s="105"/>
      <c r="F518" s="105"/>
      <c r="G518" s="25"/>
      <c r="H518" s="19"/>
      <c r="I518" s="78"/>
      <c r="J518" s="65"/>
      <c r="K518" s="6"/>
      <c r="L518" s="128"/>
      <c r="M518" s="105"/>
      <c r="N518" s="119"/>
    </row>
    <row r="519" spans="1:14" ht="16.95" customHeight="1" x14ac:dyDescent="0.2">
      <c r="A519" s="99"/>
      <c r="B519" s="102"/>
      <c r="C519" s="105"/>
      <c r="D519" s="108"/>
      <c r="E519" s="105"/>
      <c r="F519" s="105"/>
      <c r="G519" s="25"/>
      <c r="H519" s="19"/>
      <c r="I519" s="78"/>
      <c r="J519" s="65"/>
      <c r="K519" s="6"/>
      <c r="L519" s="128"/>
      <c r="M519" s="105"/>
      <c r="N519" s="119"/>
    </row>
    <row r="520" spans="1:14" ht="16.95" customHeight="1" thickBot="1" x14ac:dyDescent="0.25">
      <c r="A520" s="100"/>
      <c r="B520" s="103"/>
      <c r="C520" s="106"/>
      <c r="D520" s="109"/>
      <c r="E520" s="106"/>
      <c r="F520" s="106"/>
      <c r="G520" s="26"/>
      <c r="H520" s="22"/>
      <c r="I520" s="79"/>
      <c r="J520" s="66"/>
      <c r="K520" s="7"/>
      <c r="L520" s="129"/>
      <c r="M520" s="106"/>
      <c r="N520" s="120"/>
    </row>
    <row r="521" spans="1:14" ht="16.95" customHeight="1" thickTop="1" x14ac:dyDescent="0.2">
      <c r="A521" s="98">
        <v>44</v>
      </c>
      <c r="B521" s="101" t="s">
        <v>120</v>
      </c>
      <c r="C521" s="104" t="s">
        <v>150</v>
      </c>
      <c r="D521" s="107" t="s">
        <v>151</v>
      </c>
      <c r="E521" s="104" t="s">
        <v>122</v>
      </c>
      <c r="F521" s="104" t="s">
        <v>227</v>
      </c>
      <c r="G521" s="8" t="s">
        <v>11</v>
      </c>
      <c r="H521" s="9"/>
      <c r="I521" s="72"/>
      <c r="J521" s="59"/>
      <c r="K521" s="4"/>
      <c r="L521" s="127" t="s">
        <v>280</v>
      </c>
      <c r="M521" s="134"/>
      <c r="N521" s="124" t="s">
        <v>378</v>
      </c>
    </row>
    <row r="522" spans="1:14" ht="16.95" customHeight="1" x14ac:dyDescent="0.2">
      <c r="A522" s="99"/>
      <c r="B522" s="102"/>
      <c r="C522" s="105"/>
      <c r="D522" s="108"/>
      <c r="E522" s="105"/>
      <c r="F522" s="105"/>
      <c r="G522" s="12">
        <v>7883590</v>
      </c>
      <c r="H522" s="10" t="s">
        <v>210</v>
      </c>
      <c r="I522" s="73">
        <v>227195</v>
      </c>
      <c r="J522" s="60">
        <v>240416</v>
      </c>
      <c r="K522" s="11">
        <v>244077</v>
      </c>
      <c r="L522" s="128"/>
      <c r="M522" s="105"/>
      <c r="N522" s="119"/>
    </row>
    <row r="523" spans="1:14" ht="16.95" customHeight="1" x14ac:dyDescent="0.2">
      <c r="A523" s="99"/>
      <c r="B523" s="102"/>
      <c r="C523" s="105"/>
      <c r="D523" s="108"/>
      <c r="E523" s="105"/>
      <c r="F523" s="105"/>
      <c r="G523" s="12"/>
      <c r="H523" s="13" t="s">
        <v>211</v>
      </c>
      <c r="I523" s="74">
        <v>18156</v>
      </c>
      <c r="J523" s="61">
        <v>19484</v>
      </c>
      <c r="K523" s="14">
        <v>19239</v>
      </c>
      <c r="L523" s="128"/>
      <c r="M523" s="105"/>
      <c r="N523" s="119"/>
    </row>
    <row r="524" spans="1:14" ht="16.95" customHeight="1" x14ac:dyDescent="0.2">
      <c r="A524" s="99"/>
      <c r="B524" s="102"/>
      <c r="C524" s="105"/>
      <c r="D524" s="108"/>
      <c r="E524" s="105"/>
      <c r="F524" s="105"/>
      <c r="G524" s="12" t="s">
        <v>12</v>
      </c>
      <c r="H524" s="13" t="s">
        <v>212</v>
      </c>
      <c r="I524" s="74">
        <v>62388</v>
      </c>
      <c r="J524" s="61">
        <v>69891</v>
      </c>
      <c r="K524" s="14">
        <v>72008</v>
      </c>
      <c r="L524" s="128"/>
      <c r="M524" s="105"/>
      <c r="N524" s="119"/>
    </row>
    <row r="525" spans="1:14" ht="16.95" customHeight="1" x14ac:dyDescent="0.2">
      <c r="A525" s="99"/>
      <c r="B525" s="102"/>
      <c r="C525" s="105"/>
      <c r="D525" s="108"/>
      <c r="E525" s="105"/>
      <c r="F525" s="105"/>
      <c r="G525" s="12">
        <v>214813</v>
      </c>
      <c r="H525" s="5"/>
      <c r="I525" s="83"/>
      <c r="J525" s="62"/>
      <c r="K525" s="15"/>
      <c r="L525" s="128"/>
      <c r="M525" s="105"/>
      <c r="N525" s="119"/>
    </row>
    <row r="526" spans="1:14" ht="16.95" customHeight="1" x14ac:dyDescent="0.2">
      <c r="A526" s="99"/>
      <c r="B526" s="102"/>
      <c r="C526" s="105"/>
      <c r="D526" s="108"/>
      <c r="E526" s="105"/>
      <c r="F526" s="105"/>
      <c r="G526" s="25"/>
      <c r="H526" s="5"/>
      <c r="I526" s="83"/>
      <c r="J526" s="62"/>
      <c r="K526" s="15"/>
      <c r="L526" s="128"/>
      <c r="M526" s="105"/>
      <c r="N526" s="119"/>
    </row>
    <row r="527" spans="1:14" ht="16.95" customHeight="1" x14ac:dyDescent="0.2">
      <c r="A527" s="99"/>
      <c r="B527" s="102"/>
      <c r="C527" s="105"/>
      <c r="D527" s="108"/>
      <c r="E527" s="105"/>
      <c r="F527" s="105"/>
      <c r="G527" s="25"/>
      <c r="H527" s="10" t="s">
        <v>213</v>
      </c>
      <c r="I527" s="76">
        <v>-44232</v>
      </c>
      <c r="J527" s="63">
        <v>-50407</v>
      </c>
      <c r="K527" s="16">
        <v>-52769</v>
      </c>
      <c r="L527" s="128"/>
      <c r="M527" s="105"/>
      <c r="N527" s="119"/>
    </row>
    <row r="528" spans="1:14" ht="16.95" customHeight="1" x14ac:dyDescent="0.2">
      <c r="A528" s="99"/>
      <c r="B528" s="102"/>
      <c r="C528" s="105"/>
      <c r="D528" s="108"/>
      <c r="E528" s="105"/>
      <c r="F528" s="105"/>
      <c r="G528" s="25"/>
      <c r="H528" s="13" t="s">
        <v>214</v>
      </c>
      <c r="I528" s="77">
        <v>0.27460111358084466</v>
      </c>
      <c r="J528" s="64">
        <v>0.29070860508452018</v>
      </c>
      <c r="K528" s="17">
        <v>0.29502165300294581</v>
      </c>
      <c r="L528" s="128"/>
      <c r="M528" s="105"/>
      <c r="N528" s="119"/>
    </row>
    <row r="529" spans="1:14" ht="16.95" customHeight="1" x14ac:dyDescent="0.2">
      <c r="A529" s="99"/>
      <c r="B529" s="102"/>
      <c r="C529" s="105"/>
      <c r="D529" s="108"/>
      <c r="E529" s="105"/>
      <c r="F529" s="105"/>
      <c r="G529" s="25"/>
      <c r="H529" s="13" t="s">
        <v>215</v>
      </c>
      <c r="I529" s="77">
        <v>0.19468738308501507</v>
      </c>
      <c r="J529" s="64">
        <v>0.209665746040197</v>
      </c>
      <c r="K529" s="18">
        <v>0.21619816697189823</v>
      </c>
      <c r="L529" s="128"/>
      <c r="M529" s="105"/>
      <c r="N529" s="119"/>
    </row>
    <row r="530" spans="1:14" ht="16.95" customHeight="1" x14ac:dyDescent="0.2">
      <c r="A530" s="99"/>
      <c r="B530" s="102"/>
      <c r="C530" s="105"/>
      <c r="D530" s="108"/>
      <c r="E530" s="105"/>
      <c r="F530" s="105"/>
      <c r="G530" s="25"/>
      <c r="H530" s="19"/>
      <c r="I530" s="78"/>
      <c r="J530" s="65"/>
      <c r="K530" s="6"/>
      <c r="L530" s="128"/>
      <c r="M530" s="105"/>
      <c r="N530" s="119"/>
    </row>
    <row r="531" spans="1:14" ht="16.95" customHeight="1" x14ac:dyDescent="0.2">
      <c r="A531" s="99"/>
      <c r="B531" s="102"/>
      <c r="C531" s="105"/>
      <c r="D531" s="108"/>
      <c r="E531" s="105"/>
      <c r="F531" s="105"/>
      <c r="G531" s="25"/>
      <c r="H531" s="19"/>
      <c r="I531" s="78"/>
      <c r="J531" s="65"/>
      <c r="K531" s="6"/>
      <c r="L531" s="128"/>
      <c r="M531" s="105"/>
      <c r="N531" s="119"/>
    </row>
    <row r="532" spans="1:14" ht="16.95" customHeight="1" thickBot="1" x14ac:dyDescent="0.25">
      <c r="A532" s="100"/>
      <c r="B532" s="103"/>
      <c r="C532" s="106"/>
      <c r="D532" s="109"/>
      <c r="E532" s="106"/>
      <c r="F532" s="106"/>
      <c r="G532" s="26"/>
      <c r="H532" s="22"/>
      <c r="I532" s="79"/>
      <c r="J532" s="66"/>
      <c r="K532" s="7"/>
      <c r="L532" s="129"/>
      <c r="M532" s="106"/>
      <c r="N532" s="120"/>
    </row>
    <row r="533" spans="1:14" ht="16.95" customHeight="1" thickTop="1" x14ac:dyDescent="0.2">
      <c r="A533" s="98">
        <v>45</v>
      </c>
      <c r="B533" s="101" t="s">
        <v>120</v>
      </c>
      <c r="C533" s="104" t="s">
        <v>152</v>
      </c>
      <c r="D533" s="107" t="s">
        <v>102</v>
      </c>
      <c r="E533" s="104" t="s">
        <v>122</v>
      </c>
      <c r="F533" s="104" t="s">
        <v>238</v>
      </c>
      <c r="G533" s="8" t="s">
        <v>11</v>
      </c>
      <c r="H533" s="9"/>
      <c r="I533" s="72"/>
      <c r="J533" s="59"/>
      <c r="K533" s="4"/>
      <c r="L533" s="127" t="s">
        <v>281</v>
      </c>
      <c r="M533" s="130"/>
      <c r="N533" s="27"/>
    </row>
    <row r="534" spans="1:14" ht="16.95" customHeight="1" x14ac:dyDescent="0.2">
      <c r="A534" s="99"/>
      <c r="B534" s="102"/>
      <c r="C534" s="105"/>
      <c r="D534" s="108"/>
      <c r="E534" s="105"/>
      <c r="F534" s="105"/>
      <c r="G534" s="12">
        <v>1301348</v>
      </c>
      <c r="H534" s="28"/>
      <c r="I534" s="80"/>
      <c r="J534" s="68"/>
      <c r="K534" s="6"/>
      <c r="L534" s="128"/>
      <c r="M534" s="131"/>
      <c r="N534" s="54"/>
    </row>
    <row r="535" spans="1:14" ht="16.95" customHeight="1" x14ac:dyDescent="0.2">
      <c r="A535" s="99"/>
      <c r="B535" s="102"/>
      <c r="C535" s="105"/>
      <c r="D535" s="108"/>
      <c r="E535" s="105"/>
      <c r="F535" s="105"/>
      <c r="G535" s="12"/>
      <c r="H535" s="28"/>
      <c r="I535" s="80"/>
      <c r="J535" s="68"/>
      <c r="K535" s="6"/>
      <c r="L535" s="128"/>
      <c r="M535" s="131"/>
      <c r="N535" s="54"/>
    </row>
    <row r="536" spans="1:14" ht="16.95" customHeight="1" x14ac:dyDescent="0.2">
      <c r="A536" s="99"/>
      <c r="B536" s="102"/>
      <c r="C536" s="105"/>
      <c r="D536" s="108"/>
      <c r="E536" s="105"/>
      <c r="F536" s="105"/>
      <c r="G536" s="12" t="s">
        <v>12</v>
      </c>
      <c r="H536" s="28"/>
      <c r="I536" s="80"/>
      <c r="J536" s="68"/>
      <c r="K536" s="6"/>
      <c r="L536" s="128"/>
      <c r="M536" s="131"/>
      <c r="N536" s="54"/>
    </row>
    <row r="537" spans="1:14" ht="16.95" customHeight="1" x14ac:dyDescent="0.2">
      <c r="A537" s="99"/>
      <c r="B537" s="102"/>
      <c r="C537" s="105"/>
      <c r="D537" s="108"/>
      <c r="E537" s="105"/>
      <c r="F537" s="105"/>
      <c r="G537" s="12">
        <v>450247</v>
      </c>
      <c r="H537" s="28"/>
      <c r="I537" s="80"/>
      <c r="J537" s="68"/>
      <c r="K537" s="15"/>
      <c r="L537" s="128"/>
      <c r="M537" s="131"/>
      <c r="N537" s="54"/>
    </row>
    <row r="538" spans="1:14" ht="16.95" customHeight="1" x14ac:dyDescent="0.2">
      <c r="A538" s="99"/>
      <c r="B538" s="102"/>
      <c r="C538" s="105"/>
      <c r="D538" s="108"/>
      <c r="E538" s="105"/>
      <c r="F538" s="105"/>
      <c r="G538" s="25"/>
      <c r="H538" s="28"/>
      <c r="I538" s="80"/>
      <c r="J538" s="68"/>
      <c r="K538" s="15"/>
      <c r="L538" s="128"/>
      <c r="M538" s="131"/>
      <c r="N538" s="119" t="s">
        <v>379</v>
      </c>
    </row>
    <row r="539" spans="1:14" ht="16.95" customHeight="1" x14ac:dyDescent="0.2">
      <c r="A539" s="99"/>
      <c r="B539" s="102"/>
      <c r="C539" s="105"/>
      <c r="D539" s="108"/>
      <c r="E539" s="105"/>
      <c r="F539" s="105"/>
      <c r="G539" s="25"/>
      <c r="H539" s="10" t="s">
        <v>210</v>
      </c>
      <c r="I539" s="73">
        <v>1687196</v>
      </c>
      <c r="J539" s="60">
        <v>1709653</v>
      </c>
      <c r="K539" s="11">
        <v>1776409</v>
      </c>
      <c r="L539" s="128"/>
      <c r="M539" s="131"/>
      <c r="N539" s="119"/>
    </row>
    <row r="540" spans="1:14" ht="16.95" customHeight="1" x14ac:dyDescent="0.2">
      <c r="A540" s="99"/>
      <c r="B540" s="102"/>
      <c r="C540" s="105"/>
      <c r="D540" s="108"/>
      <c r="E540" s="105"/>
      <c r="F540" s="105"/>
      <c r="G540" s="25"/>
      <c r="H540" s="13" t="s">
        <v>211</v>
      </c>
      <c r="I540" s="74">
        <v>355490</v>
      </c>
      <c r="J540" s="61">
        <v>366219</v>
      </c>
      <c r="K540" s="14">
        <v>359903</v>
      </c>
      <c r="L540" s="128"/>
      <c r="M540" s="131"/>
      <c r="N540" s="119"/>
    </row>
    <row r="541" spans="1:14" ht="16.95" customHeight="1" x14ac:dyDescent="0.2">
      <c r="A541" s="99"/>
      <c r="B541" s="102"/>
      <c r="C541" s="105"/>
      <c r="D541" s="108"/>
      <c r="E541" s="105"/>
      <c r="F541" s="105"/>
      <c r="G541" s="25"/>
      <c r="H541" s="13" t="s">
        <v>212</v>
      </c>
      <c r="I541" s="74">
        <v>348347</v>
      </c>
      <c r="J541" s="61">
        <v>357163</v>
      </c>
      <c r="K541" s="14">
        <v>357003</v>
      </c>
      <c r="L541" s="128"/>
      <c r="M541" s="131"/>
      <c r="N541" s="119"/>
    </row>
    <row r="542" spans="1:14" ht="16.95" customHeight="1" x14ac:dyDescent="0.2">
      <c r="A542" s="99"/>
      <c r="B542" s="102"/>
      <c r="C542" s="105"/>
      <c r="D542" s="108"/>
      <c r="E542" s="105"/>
      <c r="F542" s="105"/>
      <c r="G542" s="25"/>
      <c r="H542" s="5"/>
      <c r="I542" s="85"/>
      <c r="J542" s="62"/>
      <c r="K542" s="15"/>
      <c r="L542" s="128"/>
      <c r="M542" s="131"/>
      <c r="N542" s="119"/>
    </row>
    <row r="543" spans="1:14" ht="16.95" customHeight="1" x14ac:dyDescent="0.2">
      <c r="A543" s="99"/>
      <c r="B543" s="102"/>
      <c r="C543" s="105"/>
      <c r="D543" s="108"/>
      <c r="E543" s="105"/>
      <c r="F543" s="105"/>
      <c r="G543" s="25"/>
      <c r="H543" s="5"/>
      <c r="I543" s="83"/>
      <c r="J543" s="62"/>
      <c r="K543" s="15"/>
      <c r="L543" s="128"/>
      <c r="M543" s="131"/>
      <c r="N543" s="119"/>
    </row>
    <row r="544" spans="1:14" ht="16.95" customHeight="1" thickBot="1" x14ac:dyDescent="0.25">
      <c r="A544" s="99"/>
      <c r="B544" s="103"/>
      <c r="C544" s="106"/>
      <c r="D544" s="109"/>
      <c r="E544" s="106"/>
      <c r="F544" s="106"/>
      <c r="G544" s="26"/>
      <c r="H544" s="10" t="s">
        <v>213</v>
      </c>
      <c r="I544" s="76">
        <v>7143</v>
      </c>
      <c r="J544" s="63">
        <v>9056</v>
      </c>
      <c r="K544" s="16">
        <v>2900</v>
      </c>
      <c r="L544" s="128"/>
      <c r="M544" s="131"/>
      <c r="N544" s="119"/>
    </row>
    <row r="545" spans="1:14" ht="16.95" customHeight="1" thickTop="1" x14ac:dyDescent="0.2">
      <c r="A545" s="98">
        <v>46</v>
      </c>
      <c r="B545" s="101" t="s">
        <v>120</v>
      </c>
      <c r="C545" s="104" t="s">
        <v>153</v>
      </c>
      <c r="D545" s="107" t="s">
        <v>154</v>
      </c>
      <c r="E545" s="104" t="s">
        <v>122</v>
      </c>
      <c r="F545" s="104" t="s">
        <v>155</v>
      </c>
      <c r="G545" s="8" t="s">
        <v>11</v>
      </c>
      <c r="H545" s="13" t="s">
        <v>214</v>
      </c>
      <c r="I545" s="77">
        <v>0.20646504614757266</v>
      </c>
      <c r="J545" s="64">
        <v>0.20890964423774883</v>
      </c>
      <c r="K545" s="17">
        <v>0.20096892100861907</v>
      </c>
      <c r="L545" s="127" t="s">
        <v>282</v>
      </c>
      <c r="M545" s="131"/>
      <c r="N545" s="126" t="s">
        <v>76</v>
      </c>
    </row>
    <row r="546" spans="1:14" ht="16.95" customHeight="1" x14ac:dyDescent="0.2">
      <c r="A546" s="99"/>
      <c r="B546" s="102"/>
      <c r="C546" s="105"/>
      <c r="D546" s="108"/>
      <c r="E546" s="105"/>
      <c r="F546" s="105"/>
      <c r="G546" s="12">
        <v>91148</v>
      </c>
      <c r="H546" s="13" t="s">
        <v>215</v>
      </c>
      <c r="I546" s="77">
        <v>-4.2336515733797375E-3</v>
      </c>
      <c r="J546" s="64">
        <v>-5.2969813172614559E-3</v>
      </c>
      <c r="K546" s="18">
        <v>-1.6325069283031103E-3</v>
      </c>
      <c r="L546" s="128"/>
      <c r="M546" s="131"/>
      <c r="N546" s="126"/>
    </row>
    <row r="547" spans="1:14" ht="16.95" customHeight="1" x14ac:dyDescent="0.2">
      <c r="A547" s="99"/>
      <c r="B547" s="102"/>
      <c r="C547" s="105"/>
      <c r="D547" s="108"/>
      <c r="E547" s="105"/>
      <c r="F547" s="105"/>
      <c r="G547" s="12"/>
      <c r="H547" s="30" t="s">
        <v>329</v>
      </c>
      <c r="I547" s="86"/>
      <c r="J547" s="65"/>
      <c r="K547" s="6"/>
      <c r="L547" s="128"/>
      <c r="M547" s="131"/>
      <c r="N547" s="126"/>
    </row>
    <row r="548" spans="1:14" ht="16.95" customHeight="1" x14ac:dyDescent="0.2">
      <c r="A548" s="99"/>
      <c r="B548" s="102"/>
      <c r="C548" s="105"/>
      <c r="D548" s="108"/>
      <c r="E548" s="105"/>
      <c r="F548" s="105"/>
      <c r="G548" s="12" t="s">
        <v>12</v>
      </c>
      <c r="H548" s="30"/>
      <c r="I548" s="78"/>
      <c r="J548" s="65"/>
      <c r="K548" s="6"/>
      <c r="L548" s="128"/>
      <c r="M548" s="131"/>
      <c r="N548" s="126" t="s">
        <v>156</v>
      </c>
    </row>
    <row r="549" spans="1:14" ht="16.95" customHeight="1" x14ac:dyDescent="0.2">
      <c r="A549" s="99"/>
      <c r="B549" s="102"/>
      <c r="C549" s="105"/>
      <c r="D549" s="108"/>
      <c r="E549" s="105"/>
      <c r="F549" s="105"/>
      <c r="G549" s="12">
        <v>19230</v>
      </c>
      <c r="H549" s="30"/>
      <c r="I549" s="78"/>
      <c r="J549" s="65"/>
      <c r="K549" s="6"/>
      <c r="L549" s="128"/>
      <c r="M549" s="131"/>
      <c r="N549" s="126"/>
    </row>
    <row r="550" spans="1:14" ht="16.95" customHeight="1" x14ac:dyDescent="0.2">
      <c r="A550" s="99"/>
      <c r="B550" s="102"/>
      <c r="C550" s="105"/>
      <c r="D550" s="108"/>
      <c r="E550" s="105"/>
      <c r="F550" s="105"/>
      <c r="G550" s="25"/>
      <c r="H550" s="30"/>
      <c r="I550" s="78"/>
      <c r="J550" s="65"/>
      <c r="K550" s="6"/>
      <c r="L550" s="128"/>
      <c r="M550" s="131"/>
      <c r="N550" s="126"/>
    </row>
    <row r="551" spans="1:14" ht="16.95" customHeight="1" x14ac:dyDescent="0.2">
      <c r="A551" s="99"/>
      <c r="B551" s="102"/>
      <c r="C551" s="105"/>
      <c r="D551" s="108"/>
      <c r="E551" s="105"/>
      <c r="F551" s="105"/>
      <c r="G551" s="25"/>
      <c r="H551" s="30"/>
      <c r="I551" s="78"/>
      <c r="J551" s="65"/>
      <c r="K551" s="6"/>
      <c r="L551" s="128"/>
      <c r="M551" s="131"/>
      <c r="N551" s="126"/>
    </row>
    <row r="552" spans="1:14" ht="16.95" customHeight="1" x14ac:dyDescent="0.2">
      <c r="A552" s="99"/>
      <c r="B552" s="102"/>
      <c r="C552" s="105"/>
      <c r="D552" s="108"/>
      <c r="E552" s="105"/>
      <c r="F552" s="105"/>
      <c r="G552" s="25"/>
      <c r="H552" s="30"/>
      <c r="I552" s="78"/>
      <c r="J552" s="65"/>
      <c r="K552" s="6"/>
      <c r="L552" s="128"/>
      <c r="M552" s="131"/>
      <c r="N552" s="54"/>
    </row>
    <row r="553" spans="1:14" ht="16.95" customHeight="1" x14ac:dyDescent="0.2">
      <c r="A553" s="99"/>
      <c r="B553" s="102"/>
      <c r="C553" s="105"/>
      <c r="D553" s="108"/>
      <c r="E553" s="105"/>
      <c r="F553" s="105"/>
      <c r="G553" s="25"/>
      <c r="H553" s="30"/>
      <c r="I553" s="78"/>
      <c r="J553" s="65"/>
      <c r="K553" s="6"/>
      <c r="L553" s="128"/>
      <c r="M553" s="131"/>
      <c r="N553" s="54"/>
    </row>
    <row r="554" spans="1:14" ht="16.95" customHeight="1" x14ac:dyDescent="0.2">
      <c r="A554" s="99"/>
      <c r="B554" s="102"/>
      <c r="C554" s="105"/>
      <c r="D554" s="108"/>
      <c r="E554" s="105"/>
      <c r="F554" s="105"/>
      <c r="G554" s="25"/>
      <c r="H554" s="30"/>
      <c r="I554" s="78"/>
      <c r="J554" s="65"/>
      <c r="K554" s="6"/>
      <c r="L554" s="128"/>
      <c r="M554" s="131"/>
      <c r="N554" s="54"/>
    </row>
    <row r="555" spans="1:14" ht="16.95" customHeight="1" x14ac:dyDescent="0.2">
      <c r="A555" s="99"/>
      <c r="B555" s="102"/>
      <c r="C555" s="105"/>
      <c r="D555" s="108"/>
      <c r="E555" s="105"/>
      <c r="F555" s="105"/>
      <c r="G555" s="25"/>
      <c r="H555" s="30"/>
      <c r="I555" s="78"/>
      <c r="J555" s="65"/>
      <c r="K555" s="6"/>
      <c r="L555" s="128"/>
      <c r="M555" s="131"/>
      <c r="N555" s="54"/>
    </row>
    <row r="556" spans="1:14" ht="16.95" customHeight="1" thickBot="1" x14ac:dyDescent="0.25">
      <c r="A556" s="100"/>
      <c r="B556" s="103"/>
      <c r="C556" s="106"/>
      <c r="D556" s="109"/>
      <c r="E556" s="106"/>
      <c r="F556" s="106"/>
      <c r="G556" s="26"/>
      <c r="H556" s="31"/>
      <c r="I556" s="79"/>
      <c r="J556" s="66"/>
      <c r="K556" s="7"/>
      <c r="L556" s="129"/>
      <c r="M556" s="132"/>
      <c r="N556" s="55"/>
    </row>
    <row r="557" spans="1:14" ht="16.95" customHeight="1" thickTop="1" x14ac:dyDescent="0.2">
      <c r="A557" s="98">
        <v>47</v>
      </c>
      <c r="B557" s="101" t="s">
        <v>120</v>
      </c>
      <c r="C557" s="104" t="s">
        <v>157</v>
      </c>
      <c r="D557" s="107" t="s">
        <v>111</v>
      </c>
      <c r="E557" s="104" t="s">
        <v>122</v>
      </c>
      <c r="F557" s="104" t="s">
        <v>158</v>
      </c>
      <c r="G557" s="8" t="s">
        <v>11</v>
      </c>
      <c r="H557" s="9"/>
      <c r="I557" s="72"/>
      <c r="J557" s="59"/>
      <c r="K557" s="4"/>
      <c r="L557" s="127" t="s">
        <v>283</v>
      </c>
      <c r="M557" s="134"/>
      <c r="N557" s="124" t="s">
        <v>380</v>
      </c>
    </row>
    <row r="558" spans="1:14" ht="16.95" customHeight="1" x14ac:dyDescent="0.2">
      <c r="A558" s="99"/>
      <c r="B558" s="102"/>
      <c r="C558" s="105"/>
      <c r="D558" s="108"/>
      <c r="E558" s="105"/>
      <c r="F558" s="105"/>
      <c r="G558" s="12">
        <v>69119</v>
      </c>
      <c r="H558" s="10" t="s">
        <v>210</v>
      </c>
      <c r="I558" s="73">
        <v>728456</v>
      </c>
      <c r="J558" s="60">
        <v>784744</v>
      </c>
      <c r="K558" s="11">
        <v>819629</v>
      </c>
      <c r="L558" s="128"/>
      <c r="M558" s="105"/>
      <c r="N558" s="119"/>
    </row>
    <row r="559" spans="1:14" ht="16.95" customHeight="1" x14ac:dyDescent="0.2">
      <c r="A559" s="99"/>
      <c r="B559" s="102"/>
      <c r="C559" s="105"/>
      <c r="D559" s="108"/>
      <c r="E559" s="105"/>
      <c r="F559" s="105"/>
      <c r="G559" s="12"/>
      <c r="H559" s="13" t="s">
        <v>211</v>
      </c>
      <c r="I559" s="74">
        <v>34751</v>
      </c>
      <c r="J559" s="61">
        <v>35032</v>
      </c>
      <c r="K559" s="14">
        <v>39114</v>
      </c>
      <c r="L559" s="128"/>
      <c r="M559" s="105"/>
      <c r="N559" s="119"/>
    </row>
    <row r="560" spans="1:14" ht="16.95" customHeight="1" x14ac:dyDescent="0.2">
      <c r="A560" s="99"/>
      <c r="B560" s="102"/>
      <c r="C560" s="105"/>
      <c r="D560" s="108"/>
      <c r="E560" s="105"/>
      <c r="F560" s="105"/>
      <c r="G560" s="12" t="s">
        <v>12</v>
      </c>
      <c r="H560" s="13" t="s">
        <v>212</v>
      </c>
      <c r="I560" s="74">
        <v>127791</v>
      </c>
      <c r="J560" s="61">
        <v>131444</v>
      </c>
      <c r="K560" s="14">
        <v>133524</v>
      </c>
      <c r="L560" s="128"/>
      <c r="M560" s="105"/>
      <c r="N560" s="119"/>
    </row>
    <row r="561" spans="1:14" ht="16.95" customHeight="1" x14ac:dyDescent="0.2">
      <c r="A561" s="99"/>
      <c r="B561" s="102"/>
      <c r="C561" s="105"/>
      <c r="D561" s="108"/>
      <c r="E561" s="105"/>
      <c r="F561" s="105"/>
      <c r="G561" s="12">
        <v>122029</v>
      </c>
      <c r="H561" s="5"/>
      <c r="I561" s="83"/>
      <c r="J561" s="62"/>
      <c r="K561" s="15"/>
      <c r="L561" s="128"/>
      <c r="M561" s="105"/>
      <c r="N561" s="119"/>
    </row>
    <row r="562" spans="1:14" ht="16.95" customHeight="1" x14ac:dyDescent="0.2">
      <c r="A562" s="99"/>
      <c r="B562" s="102"/>
      <c r="C562" s="105"/>
      <c r="D562" s="108"/>
      <c r="E562" s="105"/>
      <c r="F562" s="105"/>
      <c r="G562" s="25"/>
      <c r="H562" s="5"/>
      <c r="I562" s="83"/>
      <c r="J562" s="62"/>
      <c r="K562" s="15"/>
      <c r="L562" s="128"/>
      <c r="M562" s="105"/>
      <c r="N562" s="119"/>
    </row>
    <row r="563" spans="1:14" ht="16.95" customHeight="1" x14ac:dyDescent="0.2">
      <c r="A563" s="99"/>
      <c r="B563" s="102"/>
      <c r="C563" s="105"/>
      <c r="D563" s="108"/>
      <c r="E563" s="105"/>
      <c r="F563" s="105"/>
      <c r="G563" s="25"/>
      <c r="H563" s="10" t="s">
        <v>213</v>
      </c>
      <c r="I563" s="76">
        <v>-93040</v>
      </c>
      <c r="J563" s="63">
        <v>-96412</v>
      </c>
      <c r="K563" s="16">
        <v>-94410</v>
      </c>
      <c r="L563" s="128"/>
      <c r="M563" s="105"/>
      <c r="N563" s="119"/>
    </row>
    <row r="564" spans="1:14" ht="16.95" customHeight="1" x14ac:dyDescent="0.2">
      <c r="A564" s="99"/>
      <c r="B564" s="102"/>
      <c r="C564" s="105"/>
      <c r="D564" s="108"/>
      <c r="E564" s="105"/>
      <c r="F564" s="105"/>
      <c r="G564" s="25"/>
      <c r="H564" s="13" t="s">
        <v>214</v>
      </c>
      <c r="I564" s="77">
        <v>0.17542720493756658</v>
      </c>
      <c r="J564" s="64">
        <v>0.16749920993343051</v>
      </c>
      <c r="K564" s="17">
        <v>0.16290785221118334</v>
      </c>
      <c r="L564" s="128"/>
      <c r="M564" s="105"/>
      <c r="N564" s="119"/>
    </row>
    <row r="565" spans="1:14" ht="16.95" customHeight="1" x14ac:dyDescent="0.2">
      <c r="A565" s="99"/>
      <c r="B565" s="102"/>
      <c r="C565" s="105"/>
      <c r="D565" s="108"/>
      <c r="E565" s="105"/>
      <c r="F565" s="105"/>
      <c r="G565" s="25"/>
      <c r="H565" s="13" t="s">
        <v>215</v>
      </c>
      <c r="I565" s="77">
        <v>0.12772219598712894</v>
      </c>
      <c r="J565" s="64">
        <v>0.12285790015597443</v>
      </c>
      <c r="K565" s="18">
        <v>0.11518626110105913</v>
      </c>
      <c r="L565" s="128"/>
      <c r="M565" s="105"/>
      <c r="N565" s="119"/>
    </row>
    <row r="566" spans="1:14" ht="16.95" customHeight="1" x14ac:dyDescent="0.2">
      <c r="A566" s="99"/>
      <c r="B566" s="102"/>
      <c r="C566" s="105"/>
      <c r="D566" s="108"/>
      <c r="E566" s="105"/>
      <c r="F566" s="105"/>
      <c r="G566" s="25"/>
      <c r="H566" s="19"/>
      <c r="I566" s="78"/>
      <c r="J566" s="65"/>
      <c r="K566" s="6"/>
      <c r="L566" s="128"/>
      <c r="M566" s="105"/>
      <c r="N566" s="119"/>
    </row>
    <row r="567" spans="1:14" ht="16.95" customHeight="1" x14ac:dyDescent="0.2">
      <c r="A567" s="99"/>
      <c r="B567" s="102"/>
      <c r="C567" s="105"/>
      <c r="D567" s="108"/>
      <c r="E567" s="105"/>
      <c r="F567" s="105"/>
      <c r="G567" s="25"/>
      <c r="H567" s="19"/>
      <c r="I567" s="78"/>
      <c r="J567" s="65"/>
      <c r="K567" s="6"/>
      <c r="L567" s="128"/>
      <c r="M567" s="105"/>
      <c r="N567" s="119"/>
    </row>
    <row r="568" spans="1:14" ht="16.95" customHeight="1" thickBot="1" x14ac:dyDescent="0.25">
      <c r="A568" s="100"/>
      <c r="B568" s="103"/>
      <c r="C568" s="106"/>
      <c r="D568" s="109"/>
      <c r="E568" s="106"/>
      <c r="F568" s="106"/>
      <c r="G568" s="26"/>
      <c r="H568" s="22"/>
      <c r="I568" s="79"/>
      <c r="J568" s="66"/>
      <c r="K568" s="7"/>
      <c r="L568" s="129"/>
      <c r="M568" s="106"/>
      <c r="N568" s="120"/>
    </row>
    <row r="569" spans="1:14" ht="16.95" customHeight="1" thickTop="1" x14ac:dyDescent="0.2">
      <c r="A569" s="98">
        <v>48</v>
      </c>
      <c r="B569" s="101" t="s">
        <v>120</v>
      </c>
      <c r="C569" s="104" t="s">
        <v>159</v>
      </c>
      <c r="D569" s="107" t="s">
        <v>160</v>
      </c>
      <c r="E569" s="104" t="s">
        <v>122</v>
      </c>
      <c r="F569" s="104" t="s">
        <v>245</v>
      </c>
      <c r="G569" s="8" t="s">
        <v>11</v>
      </c>
      <c r="H569" s="9"/>
      <c r="I569" s="72"/>
      <c r="J569" s="59"/>
      <c r="K569" s="4"/>
      <c r="L569" s="127" t="s">
        <v>284</v>
      </c>
      <c r="M569" s="134"/>
      <c r="N569" s="124" t="s">
        <v>381</v>
      </c>
    </row>
    <row r="570" spans="1:14" ht="16.95" customHeight="1" x14ac:dyDescent="0.2">
      <c r="A570" s="99"/>
      <c r="B570" s="102"/>
      <c r="C570" s="105"/>
      <c r="D570" s="108"/>
      <c r="E570" s="105"/>
      <c r="F570" s="105"/>
      <c r="G570" s="12">
        <v>4593369</v>
      </c>
      <c r="H570" s="10" t="s">
        <v>210</v>
      </c>
      <c r="I570" s="73">
        <v>478001</v>
      </c>
      <c r="J570" s="60">
        <v>488674</v>
      </c>
      <c r="K570" s="11">
        <v>491573</v>
      </c>
      <c r="L570" s="128"/>
      <c r="M570" s="105"/>
      <c r="N570" s="119"/>
    </row>
    <row r="571" spans="1:14" ht="16.95" customHeight="1" x14ac:dyDescent="0.2">
      <c r="A571" s="99"/>
      <c r="B571" s="102"/>
      <c r="C571" s="105"/>
      <c r="D571" s="108"/>
      <c r="E571" s="105"/>
      <c r="F571" s="105"/>
      <c r="G571" s="12"/>
      <c r="H571" s="13" t="s">
        <v>211</v>
      </c>
      <c r="I571" s="74">
        <v>11916</v>
      </c>
      <c r="J571" s="61">
        <v>11593</v>
      </c>
      <c r="K571" s="14">
        <v>12648</v>
      </c>
      <c r="L571" s="128"/>
      <c r="M571" s="105"/>
      <c r="N571" s="119"/>
    </row>
    <row r="572" spans="1:14" ht="16.95" customHeight="1" x14ac:dyDescent="0.2">
      <c r="A572" s="99"/>
      <c r="B572" s="102"/>
      <c r="C572" s="105"/>
      <c r="D572" s="108"/>
      <c r="E572" s="105"/>
      <c r="F572" s="105"/>
      <c r="G572" s="12" t="s">
        <v>12</v>
      </c>
      <c r="H572" s="13" t="s">
        <v>212</v>
      </c>
      <c r="I572" s="74">
        <v>60366</v>
      </c>
      <c r="J572" s="61">
        <v>55381</v>
      </c>
      <c r="K572" s="14">
        <v>54205</v>
      </c>
      <c r="L572" s="128"/>
      <c r="M572" s="105"/>
      <c r="N572" s="119"/>
    </row>
    <row r="573" spans="1:14" ht="16.95" customHeight="1" x14ac:dyDescent="0.2">
      <c r="A573" s="99"/>
      <c r="B573" s="102"/>
      <c r="C573" s="105"/>
      <c r="D573" s="108"/>
      <c r="E573" s="105"/>
      <c r="F573" s="105"/>
      <c r="G573" s="12">
        <v>95618</v>
      </c>
      <c r="H573" s="5"/>
      <c r="I573" s="83"/>
      <c r="J573" s="62"/>
      <c r="K573" s="15"/>
      <c r="L573" s="128"/>
      <c r="M573" s="105"/>
      <c r="N573" s="119"/>
    </row>
    <row r="574" spans="1:14" ht="16.95" customHeight="1" x14ac:dyDescent="0.2">
      <c r="A574" s="99"/>
      <c r="B574" s="102"/>
      <c r="C574" s="105"/>
      <c r="D574" s="108"/>
      <c r="E574" s="105"/>
      <c r="F574" s="105"/>
      <c r="G574" s="25"/>
      <c r="H574" s="5"/>
      <c r="I574" s="83"/>
      <c r="J574" s="62"/>
      <c r="K574" s="15"/>
      <c r="L574" s="128"/>
      <c r="M574" s="105"/>
      <c r="N574" s="119"/>
    </row>
    <row r="575" spans="1:14" ht="16.95" customHeight="1" x14ac:dyDescent="0.2">
      <c r="A575" s="99"/>
      <c r="B575" s="102"/>
      <c r="C575" s="105"/>
      <c r="D575" s="108"/>
      <c r="E575" s="105"/>
      <c r="F575" s="105"/>
      <c r="G575" s="25"/>
      <c r="H575" s="10" t="s">
        <v>213</v>
      </c>
      <c r="I575" s="76">
        <v>-48450</v>
      </c>
      <c r="J575" s="63">
        <v>-43788</v>
      </c>
      <c r="K575" s="16">
        <v>-41557</v>
      </c>
      <c r="L575" s="128"/>
      <c r="M575" s="105"/>
      <c r="N575" s="119"/>
    </row>
    <row r="576" spans="1:14" ht="16.95" customHeight="1" x14ac:dyDescent="0.2">
      <c r="A576" s="99"/>
      <c r="B576" s="102"/>
      <c r="C576" s="105"/>
      <c r="D576" s="108"/>
      <c r="E576" s="105"/>
      <c r="F576" s="105"/>
      <c r="G576" s="25"/>
      <c r="H576" s="13" t="s">
        <v>214</v>
      </c>
      <c r="I576" s="77">
        <v>0.12628843872711562</v>
      </c>
      <c r="J576" s="64">
        <v>0.11332913148643063</v>
      </c>
      <c r="K576" s="17">
        <v>0.1102684647041233</v>
      </c>
      <c r="L576" s="128"/>
      <c r="M576" s="105"/>
      <c r="N576" s="119"/>
    </row>
    <row r="577" spans="1:14" ht="16.95" customHeight="1" x14ac:dyDescent="0.2">
      <c r="A577" s="99"/>
      <c r="B577" s="102"/>
      <c r="C577" s="105"/>
      <c r="D577" s="108"/>
      <c r="E577" s="105"/>
      <c r="F577" s="105"/>
      <c r="G577" s="25"/>
      <c r="H577" s="13" t="s">
        <v>215</v>
      </c>
      <c r="I577" s="77">
        <v>0.10135962058656781</v>
      </c>
      <c r="J577" s="64">
        <v>8.9605749436229468E-2</v>
      </c>
      <c r="K577" s="18">
        <v>8.4538817225518897E-2</v>
      </c>
      <c r="L577" s="128"/>
      <c r="M577" s="105"/>
      <c r="N577" s="119"/>
    </row>
    <row r="578" spans="1:14" ht="16.95" customHeight="1" x14ac:dyDescent="0.2">
      <c r="A578" s="99"/>
      <c r="B578" s="102"/>
      <c r="C578" s="105"/>
      <c r="D578" s="108"/>
      <c r="E578" s="105"/>
      <c r="F578" s="105"/>
      <c r="G578" s="25"/>
      <c r="H578" s="19"/>
      <c r="I578" s="78"/>
      <c r="J578" s="65"/>
      <c r="K578" s="6"/>
      <c r="L578" s="128"/>
      <c r="M578" s="105"/>
      <c r="N578" s="119"/>
    </row>
    <row r="579" spans="1:14" ht="16.95" customHeight="1" x14ac:dyDescent="0.2">
      <c r="A579" s="99"/>
      <c r="B579" s="102"/>
      <c r="C579" s="105"/>
      <c r="D579" s="108"/>
      <c r="E579" s="105"/>
      <c r="F579" s="105"/>
      <c r="G579" s="25"/>
      <c r="H579" s="19"/>
      <c r="I579" s="78"/>
      <c r="J579" s="65"/>
      <c r="K579" s="6"/>
      <c r="L579" s="128"/>
      <c r="M579" s="105"/>
      <c r="N579" s="119"/>
    </row>
    <row r="580" spans="1:14" ht="16.95" customHeight="1" thickBot="1" x14ac:dyDescent="0.25">
      <c r="A580" s="99"/>
      <c r="B580" s="103"/>
      <c r="C580" s="106"/>
      <c r="D580" s="109"/>
      <c r="E580" s="106"/>
      <c r="F580" s="106"/>
      <c r="G580" s="26"/>
      <c r="H580" s="22"/>
      <c r="I580" s="79"/>
      <c r="J580" s="66"/>
      <c r="K580" s="7"/>
      <c r="L580" s="129"/>
      <c r="M580" s="106"/>
      <c r="N580" s="120"/>
    </row>
    <row r="581" spans="1:14" ht="16.95" customHeight="1" thickTop="1" x14ac:dyDescent="0.2">
      <c r="A581" s="98">
        <v>49</v>
      </c>
      <c r="B581" s="101" t="s">
        <v>120</v>
      </c>
      <c r="C581" s="104" t="s">
        <v>161</v>
      </c>
      <c r="D581" s="107" t="s">
        <v>9</v>
      </c>
      <c r="E581" s="104" t="s">
        <v>122</v>
      </c>
      <c r="F581" s="104" t="s">
        <v>162</v>
      </c>
      <c r="G581" s="8" t="s">
        <v>11</v>
      </c>
      <c r="H581" s="9"/>
      <c r="I581" s="72"/>
      <c r="J581" s="59"/>
      <c r="K581" s="4"/>
      <c r="L581" s="127" t="s">
        <v>285</v>
      </c>
      <c r="M581" s="134"/>
      <c r="N581" s="124" t="s">
        <v>382</v>
      </c>
    </row>
    <row r="582" spans="1:14" ht="16.95" customHeight="1" x14ac:dyDescent="0.2">
      <c r="A582" s="99"/>
      <c r="B582" s="102"/>
      <c r="C582" s="105"/>
      <c r="D582" s="108"/>
      <c r="E582" s="105"/>
      <c r="F582" s="105"/>
      <c r="G582" s="12">
        <v>574243</v>
      </c>
      <c r="H582" s="10" t="s">
        <v>210</v>
      </c>
      <c r="I582" s="73">
        <v>650856</v>
      </c>
      <c r="J582" s="60">
        <v>666156</v>
      </c>
      <c r="K582" s="11">
        <v>784019</v>
      </c>
      <c r="L582" s="128"/>
      <c r="M582" s="105"/>
      <c r="N582" s="119"/>
    </row>
    <row r="583" spans="1:14" ht="16.95" customHeight="1" x14ac:dyDescent="0.2">
      <c r="A583" s="99"/>
      <c r="B583" s="102"/>
      <c r="C583" s="105"/>
      <c r="D583" s="108"/>
      <c r="E583" s="105"/>
      <c r="F583" s="105"/>
      <c r="G583" s="12"/>
      <c r="H583" s="13" t="s">
        <v>211</v>
      </c>
      <c r="I583" s="74">
        <v>21314</v>
      </c>
      <c r="J583" s="61">
        <v>21111</v>
      </c>
      <c r="K583" s="14">
        <v>22496</v>
      </c>
      <c r="L583" s="128"/>
      <c r="M583" s="105"/>
      <c r="N583" s="119"/>
    </row>
    <row r="584" spans="1:14" ht="16.95" customHeight="1" x14ac:dyDescent="0.2">
      <c r="A584" s="99"/>
      <c r="B584" s="102"/>
      <c r="C584" s="105"/>
      <c r="D584" s="108"/>
      <c r="E584" s="105"/>
      <c r="F584" s="105"/>
      <c r="G584" s="12" t="s">
        <v>12</v>
      </c>
      <c r="H584" s="13" t="s">
        <v>212</v>
      </c>
      <c r="I584" s="74">
        <v>285371</v>
      </c>
      <c r="J584" s="61">
        <v>287436</v>
      </c>
      <c r="K584" s="14">
        <v>291702</v>
      </c>
      <c r="L584" s="128"/>
      <c r="M584" s="105"/>
      <c r="N584" s="119"/>
    </row>
    <row r="585" spans="1:14" ht="16.95" customHeight="1" x14ac:dyDescent="0.2">
      <c r="A585" s="99"/>
      <c r="B585" s="102"/>
      <c r="C585" s="105"/>
      <c r="D585" s="108"/>
      <c r="E585" s="105"/>
      <c r="F585" s="105"/>
      <c r="G585" s="12">
        <v>299712</v>
      </c>
      <c r="H585" s="5"/>
      <c r="I585" s="83"/>
      <c r="J585" s="62"/>
      <c r="K585" s="15"/>
      <c r="L585" s="128"/>
      <c r="M585" s="105"/>
      <c r="N585" s="119"/>
    </row>
    <row r="586" spans="1:14" ht="16.95" customHeight="1" x14ac:dyDescent="0.2">
      <c r="A586" s="99"/>
      <c r="B586" s="102"/>
      <c r="C586" s="105"/>
      <c r="D586" s="108"/>
      <c r="E586" s="105"/>
      <c r="F586" s="105"/>
      <c r="G586" s="25"/>
      <c r="H586" s="5"/>
      <c r="I586" s="83"/>
      <c r="J586" s="62"/>
      <c r="K586" s="15"/>
      <c r="L586" s="128"/>
      <c r="M586" s="105"/>
      <c r="N586" s="119"/>
    </row>
    <row r="587" spans="1:14" ht="16.95" customHeight="1" x14ac:dyDescent="0.2">
      <c r="A587" s="99"/>
      <c r="B587" s="102"/>
      <c r="C587" s="105"/>
      <c r="D587" s="108"/>
      <c r="E587" s="105"/>
      <c r="F587" s="105"/>
      <c r="G587" s="25"/>
      <c r="H587" s="10" t="s">
        <v>213</v>
      </c>
      <c r="I587" s="76">
        <v>-264057</v>
      </c>
      <c r="J587" s="63">
        <v>-266325</v>
      </c>
      <c r="K587" s="16">
        <v>-269206</v>
      </c>
      <c r="L587" s="128"/>
      <c r="M587" s="105"/>
      <c r="N587" s="119"/>
    </row>
    <row r="588" spans="1:14" ht="16.95" customHeight="1" x14ac:dyDescent="0.2">
      <c r="A588" s="99"/>
      <c r="B588" s="102"/>
      <c r="C588" s="105"/>
      <c r="D588" s="108"/>
      <c r="E588" s="105"/>
      <c r="F588" s="105"/>
      <c r="G588" s="25"/>
      <c r="H588" s="13" t="s">
        <v>214</v>
      </c>
      <c r="I588" s="77">
        <v>0.43845489632115248</v>
      </c>
      <c r="J588" s="64">
        <v>0.43148451714012936</v>
      </c>
      <c r="K588" s="17">
        <v>0.37205986079418996</v>
      </c>
      <c r="L588" s="128"/>
      <c r="M588" s="105"/>
      <c r="N588" s="119"/>
    </row>
    <row r="589" spans="1:14" ht="16.95" customHeight="1" x14ac:dyDescent="0.2">
      <c r="A589" s="99"/>
      <c r="B589" s="102"/>
      <c r="C589" s="105"/>
      <c r="D589" s="108"/>
      <c r="E589" s="105"/>
      <c r="F589" s="105"/>
      <c r="G589" s="25"/>
      <c r="H589" s="13" t="s">
        <v>215</v>
      </c>
      <c r="I589" s="77">
        <v>0.4057072532173015</v>
      </c>
      <c r="J589" s="64">
        <v>0.39979374200637691</v>
      </c>
      <c r="K589" s="18">
        <v>0.34336667861365605</v>
      </c>
      <c r="L589" s="128"/>
      <c r="M589" s="105"/>
      <c r="N589" s="119"/>
    </row>
    <row r="590" spans="1:14" ht="16.95" customHeight="1" x14ac:dyDescent="0.2">
      <c r="A590" s="99"/>
      <c r="B590" s="102"/>
      <c r="C590" s="105"/>
      <c r="D590" s="108"/>
      <c r="E590" s="105"/>
      <c r="F590" s="105"/>
      <c r="G590" s="25"/>
      <c r="H590" s="19"/>
      <c r="I590" s="78"/>
      <c r="J590" s="65"/>
      <c r="K590" s="6"/>
      <c r="L590" s="128"/>
      <c r="M590" s="105"/>
      <c r="N590" s="119"/>
    </row>
    <row r="591" spans="1:14" ht="16.95" customHeight="1" x14ac:dyDescent="0.2">
      <c r="A591" s="99"/>
      <c r="B591" s="102"/>
      <c r="C591" s="105"/>
      <c r="D591" s="108"/>
      <c r="E591" s="105"/>
      <c r="F591" s="105"/>
      <c r="G591" s="25"/>
      <c r="H591" s="19"/>
      <c r="I591" s="78"/>
      <c r="J591" s="65"/>
      <c r="K591" s="6"/>
      <c r="L591" s="128"/>
      <c r="M591" s="105"/>
      <c r="N591" s="119"/>
    </row>
    <row r="592" spans="1:14" ht="16.95" customHeight="1" thickBot="1" x14ac:dyDescent="0.25">
      <c r="A592" s="100"/>
      <c r="B592" s="103"/>
      <c r="C592" s="106"/>
      <c r="D592" s="109"/>
      <c r="E592" s="106"/>
      <c r="F592" s="106"/>
      <c r="G592" s="26"/>
      <c r="H592" s="22"/>
      <c r="I592" s="79"/>
      <c r="J592" s="66"/>
      <c r="K592" s="7"/>
      <c r="L592" s="129"/>
      <c r="M592" s="106"/>
      <c r="N592" s="120"/>
    </row>
    <row r="593" spans="1:14" ht="16.95" customHeight="1" thickTop="1" x14ac:dyDescent="0.2">
      <c r="A593" s="98">
        <v>50</v>
      </c>
      <c r="B593" s="101" t="s">
        <v>120</v>
      </c>
      <c r="C593" s="104" t="s">
        <v>163</v>
      </c>
      <c r="D593" s="107" t="s">
        <v>164</v>
      </c>
      <c r="E593" s="104" t="s">
        <v>122</v>
      </c>
      <c r="F593" s="104" t="s">
        <v>165</v>
      </c>
      <c r="G593" s="8" t="s">
        <v>11</v>
      </c>
      <c r="H593" s="9"/>
      <c r="I593" s="72"/>
      <c r="J593" s="59"/>
      <c r="K593" s="4"/>
      <c r="L593" s="127" t="s">
        <v>286</v>
      </c>
      <c r="M593" s="134"/>
      <c r="N593" s="124" t="s">
        <v>383</v>
      </c>
    </row>
    <row r="594" spans="1:14" ht="16.95" customHeight="1" x14ac:dyDescent="0.2">
      <c r="A594" s="99"/>
      <c r="B594" s="102"/>
      <c r="C594" s="105"/>
      <c r="D594" s="108"/>
      <c r="E594" s="105"/>
      <c r="F594" s="105"/>
      <c r="G594" s="12">
        <v>5381234</v>
      </c>
      <c r="H594" s="10" t="s">
        <v>210</v>
      </c>
      <c r="I594" s="73">
        <v>298320</v>
      </c>
      <c r="J594" s="60">
        <v>267230</v>
      </c>
      <c r="K594" s="11">
        <v>275470</v>
      </c>
      <c r="L594" s="128"/>
      <c r="M594" s="105"/>
      <c r="N594" s="119"/>
    </row>
    <row r="595" spans="1:14" ht="16.95" customHeight="1" x14ac:dyDescent="0.2">
      <c r="A595" s="99"/>
      <c r="B595" s="102"/>
      <c r="C595" s="105"/>
      <c r="D595" s="108"/>
      <c r="E595" s="105"/>
      <c r="F595" s="105"/>
      <c r="G595" s="12"/>
      <c r="H595" s="13" t="s">
        <v>211</v>
      </c>
      <c r="I595" s="74">
        <v>4858</v>
      </c>
      <c r="J595" s="61">
        <v>4259</v>
      </c>
      <c r="K595" s="14">
        <v>4054</v>
      </c>
      <c r="L595" s="128"/>
      <c r="M595" s="105"/>
      <c r="N595" s="119"/>
    </row>
    <row r="596" spans="1:14" ht="16.95" customHeight="1" x14ac:dyDescent="0.2">
      <c r="A596" s="99"/>
      <c r="B596" s="102"/>
      <c r="C596" s="105"/>
      <c r="D596" s="108"/>
      <c r="E596" s="105"/>
      <c r="F596" s="105"/>
      <c r="G596" s="12" t="s">
        <v>12</v>
      </c>
      <c r="H596" s="13" t="s">
        <v>212</v>
      </c>
      <c r="I596" s="74">
        <v>93476</v>
      </c>
      <c r="J596" s="61">
        <v>96720</v>
      </c>
      <c r="K596" s="14">
        <v>99966</v>
      </c>
      <c r="L596" s="128"/>
      <c r="M596" s="105"/>
      <c r="N596" s="119"/>
    </row>
    <row r="597" spans="1:14" ht="16.95" customHeight="1" x14ac:dyDescent="0.2">
      <c r="A597" s="99"/>
      <c r="B597" s="102"/>
      <c r="C597" s="105"/>
      <c r="D597" s="108"/>
      <c r="E597" s="105"/>
      <c r="F597" s="105"/>
      <c r="G597" s="12">
        <v>109324</v>
      </c>
      <c r="H597" s="5"/>
      <c r="I597" s="83"/>
      <c r="J597" s="62"/>
      <c r="K597" s="15"/>
      <c r="L597" s="128"/>
      <c r="M597" s="105"/>
      <c r="N597" s="119"/>
    </row>
    <row r="598" spans="1:14" ht="16.95" customHeight="1" x14ac:dyDescent="0.2">
      <c r="A598" s="99"/>
      <c r="B598" s="102"/>
      <c r="C598" s="105"/>
      <c r="D598" s="108"/>
      <c r="E598" s="105"/>
      <c r="F598" s="105"/>
      <c r="G598" s="25"/>
      <c r="H598" s="5"/>
      <c r="I598" s="83"/>
      <c r="J598" s="62"/>
      <c r="K598" s="15"/>
      <c r="L598" s="128"/>
      <c r="M598" s="105"/>
      <c r="N598" s="119"/>
    </row>
    <row r="599" spans="1:14" ht="16.95" customHeight="1" x14ac:dyDescent="0.2">
      <c r="A599" s="99"/>
      <c r="B599" s="102"/>
      <c r="C599" s="105"/>
      <c r="D599" s="108"/>
      <c r="E599" s="105"/>
      <c r="F599" s="105"/>
      <c r="G599" s="25"/>
      <c r="H599" s="10" t="s">
        <v>213</v>
      </c>
      <c r="I599" s="76">
        <v>-88618</v>
      </c>
      <c r="J599" s="63">
        <v>-92461</v>
      </c>
      <c r="K599" s="16">
        <v>-95912</v>
      </c>
      <c r="L599" s="128"/>
      <c r="M599" s="105"/>
      <c r="N599" s="119"/>
    </row>
    <row r="600" spans="1:14" ht="16.95" customHeight="1" x14ac:dyDescent="0.2">
      <c r="A600" s="99"/>
      <c r="B600" s="102"/>
      <c r="C600" s="105"/>
      <c r="D600" s="108"/>
      <c r="E600" s="105"/>
      <c r="F600" s="105"/>
      <c r="G600" s="25"/>
      <c r="H600" s="13" t="s">
        <v>214</v>
      </c>
      <c r="I600" s="77">
        <v>0.31334137838562615</v>
      </c>
      <c r="J600" s="64">
        <v>0.36193541144332597</v>
      </c>
      <c r="K600" s="17">
        <v>0.3628925109812321</v>
      </c>
      <c r="L600" s="128"/>
      <c r="M600" s="105"/>
      <c r="N600" s="119"/>
    </row>
    <row r="601" spans="1:14" ht="16.95" customHeight="1" x14ac:dyDescent="0.2">
      <c r="A601" s="99"/>
      <c r="B601" s="102"/>
      <c r="C601" s="105"/>
      <c r="D601" s="108"/>
      <c r="E601" s="105"/>
      <c r="F601" s="105"/>
      <c r="G601" s="25"/>
      <c r="H601" s="13" t="s">
        <v>215</v>
      </c>
      <c r="I601" s="77">
        <v>0.29705685170286938</v>
      </c>
      <c r="J601" s="64">
        <v>0.34599782958500169</v>
      </c>
      <c r="K601" s="18">
        <v>0.34817584491959197</v>
      </c>
      <c r="L601" s="128"/>
      <c r="M601" s="105"/>
      <c r="N601" s="119"/>
    </row>
    <row r="602" spans="1:14" ht="16.95" customHeight="1" x14ac:dyDescent="0.2">
      <c r="A602" s="99"/>
      <c r="B602" s="102"/>
      <c r="C602" s="105"/>
      <c r="D602" s="108"/>
      <c r="E602" s="105"/>
      <c r="F602" s="105"/>
      <c r="G602" s="25"/>
      <c r="H602" s="19"/>
      <c r="I602" s="78"/>
      <c r="J602" s="65"/>
      <c r="K602" s="6"/>
      <c r="L602" s="128"/>
      <c r="M602" s="105"/>
      <c r="N602" s="119"/>
    </row>
    <row r="603" spans="1:14" ht="16.95" customHeight="1" x14ac:dyDescent="0.2">
      <c r="A603" s="99"/>
      <c r="B603" s="102"/>
      <c r="C603" s="105"/>
      <c r="D603" s="108"/>
      <c r="E603" s="105"/>
      <c r="F603" s="105"/>
      <c r="G603" s="25"/>
      <c r="H603" s="19"/>
      <c r="I603" s="78"/>
      <c r="J603" s="65"/>
      <c r="K603" s="6"/>
      <c r="L603" s="128"/>
      <c r="M603" s="105"/>
      <c r="N603" s="119"/>
    </row>
    <row r="604" spans="1:14" ht="16.95" customHeight="1" thickBot="1" x14ac:dyDescent="0.25">
      <c r="A604" s="99"/>
      <c r="B604" s="103"/>
      <c r="C604" s="106"/>
      <c r="D604" s="109"/>
      <c r="E604" s="106"/>
      <c r="F604" s="106"/>
      <c r="G604" s="26"/>
      <c r="H604" s="22"/>
      <c r="I604" s="79"/>
      <c r="J604" s="66"/>
      <c r="K604" s="7"/>
      <c r="L604" s="129"/>
      <c r="M604" s="106"/>
      <c r="N604" s="120"/>
    </row>
    <row r="605" spans="1:14" ht="16.95" customHeight="1" thickTop="1" x14ac:dyDescent="0.2">
      <c r="A605" s="98">
        <v>51</v>
      </c>
      <c r="B605" s="101" t="s">
        <v>120</v>
      </c>
      <c r="C605" s="104" t="s">
        <v>166</v>
      </c>
      <c r="D605" s="107" t="s">
        <v>106</v>
      </c>
      <c r="E605" s="104" t="s">
        <v>122</v>
      </c>
      <c r="F605" s="104" t="s">
        <v>167</v>
      </c>
      <c r="G605" s="8" t="s">
        <v>11</v>
      </c>
      <c r="H605" s="9"/>
      <c r="I605" s="72"/>
      <c r="J605" s="59"/>
      <c r="K605" s="4"/>
      <c r="L605" s="127" t="s">
        <v>287</v>
      </c>
      <c r="M605" s="134"/>
      <c r="N605" s="124" t="s">
        <v>384</v>
      </c>
    </row>
    <row r="606" spans="1:14" ht="16.95" customHeight="1" x14ac:dyDescent="0.2">
      <c r="A606" s="99"/>
      <c r="B606" s="102"/>
      <c r="C606" s="105"/>
      <c r="D606" s="108"/>
      <c r="E606" s="105"/>
      <c r="F606" s="105"/>
      <c r="G606" s="12">
        <v>2560615</v>
      </c>
      <c r="H606" s="10" t="s">
        <v>210</v>
      </c>
      <c r="I606" s="73">
        <v>228750</v>
      </c>
      <c r="J606" s="60">
        <v>211667</v>
      </c>
      <c r="K606" s="11">
        <v>210857</v>
      </c>
      <c r="L606" s="128"/>
      <c r="M606" s="105"/>
      <c r="N606" s="119"/>
    </row>
    <row r="607" spans="1:14" ht="16.95" customHeight="1" x14ac:dyDescent="0.2">
      <c r="A607" s="99"/>
      <c r="B607" s="102"/>
      <c r="C607" s="105"/>
      <c r="D607" s="108"/>
      <c r="E607" s="105"/>
      <c r="F607" s="105"/>
      <c r="G607" s="12"/>
      <c r="H607" s="13" t="s">
        <v>211</v>
      </c>
      <c r="I607" s="74">
        <v>4016</v>
      </c>
      <c r="J607" s="61">
        <v>3445</v>
      </c>
      <c r="K607" s="14">
        <v>3301</v>
      </c>
      <c r="L607" s="128"/>
      <c r="M607" s="105"/>
      <c r="N607" s="119"/>
    </row>
    <row r="608" spans="1:14" ht="16.95" customHeight="1" x14ac:dyDescent="0.2">
      <c r="A608" s="99"/>
      <c r="B608" s="102"/>
      <c r="C608" s="105"/>
      <c r="D608" s="108"/>
      <c r="E608" s="105"/>
      <c r="F608" s="105"/>
      <c r="G608" s="12" t="s">
        <v>12</v>
      </c>
      <c r="H608" s="13" t="s">
        <v>212</v>
      </c>
      <c r="I608" s="74">
        <v>81377</v>
      </c>
      <c r="J608" s="61">
        <v>81771</v>
      </c>
      <c r="K608" s="14">
        <v>84486</v>
      </c>
      <c r="L608" s="128"/>
      <c r="M608" s="105"/>
      <c r="N608" s="119"/>
    </row>
    <row r="609" spans="1:14" ht="16.95" customHeight="1" x14ac:dyDescent="0.2">
      <c r="A609" s="99"/>
      <c r="B609" s="102"/>
      <c r="C609" s="105"/>
      <c r="D609" s="108"/>
      <c r="E609" s="105"/>
      <c r="F609" s="105"/>
      <c r="G609" s="12">
        <v>52745</v>
      </c>
      <c r="H609" s="5"/>
      <c r="I609" s="83"/>
      <c r="J609" s="62"/>
      <c r="K609" s="15"/>
      <c r="L609" s="128"/>
      <c r="M609" s="105"/>
      <c r="N609" s="119"/>
    </row>
    <row r="610" spans="1:14" ht="16.95" customHeight="1" x14ac:dyDescent="0.2">
      <c r="A610" s="99"/>
      <c r="B610" s="102"/>
      <c r="C610" s="105"/>
      <c r="D610" s="108"/>
      <c r="E610" s="105"/>
      <c r="F610" s="105"/>
      <c r="G610" s="25"/>
      <c r="H610" s="5"/>
      <c r="I610" s="83"/>
      <c r="J610" s="62"/>
      <c r="K610" s="15"/>
      <c r="L610" s="128"/>
      <c r="M610" s="105"/>
      <c r="N610" s="119"/>
    </row>
    <row r="611" spans="1:14" ht="16.95" customHeight="1" x14ac:dyDescent="0.2">
      <c r="A611" s="99"/>
      <c r="B611" s="102"/>
      <c r="C611" s="105"/>
      <c r="D611" s="108"/>
      <c r="E611" s="105"/>
      <c r="F611" s="105"/>
      <c r="G611" s="25"/>
      <c r="H611" s="10" t="s">
        <v>213</v>
      </c>
      <c r="I611" s="76">
        <v>-77361</v>
      </c>
      <c r="J611" s="63">
        <v>-78326</v>
      </c>
      <c r="K611" s="16">
        <v>-81185</v>
      </c>
      <c r="L611" s="128"/>
      <c r="M611" s="105"/>
      <c r="N611" s="119"/>
    </row>
    <row r="612" spans="1:14" ht="16.95" customHeight="1" x14ac:dyDescent="0.2">
      <c r="A612" s="99"/>
      <c r="B612" s="102"/>
      <c r="C612" s="105"/>
      <c r="D612" s="108"/>
      <c r="E612" s="105"/>
      <c r="F612" s="105"/>
      <c r="G612" s="25"/>
      <c r="H612" s="13" t="s">
        <v>214</v>
      </c>
      <c r="I612" s="77">
        <v>0.35574644808743172</v>
      </c>
      <c r="J612" s="64">
        <v>0.38631907666287141</v>
      </c>
      <c r="K612" s="17">
        <v>0.40067913325144527</v>
      </c>
      <c r="L612" s="128"/>
      <c r="M612" s="105"/>
      <c r="N612" s="119"/>
    </row>
    <row r="613" spans="1:14" ht="16.95" customHeight="1" x14ac:dyDescent="0.2">
      <c r="A613" s="99"/>
      <c r="B613" s="102"/>
      <c r="C613" s="105"/>
      <c r="D613" s="108"/>
      <c r="E613" s="105"/>
      <c r="F613" s="105"/>
      <c r="G613" s="25"/>
      <c r="H613" s="13" t="s">
        <v>215</v>
      </c>
      <c r="I613" s="77">
        <v>0.33819016393442625</v>
      </c>
      <c r="J613" s="64">
        <v>0.37004351174250122</v>
      </c>
      <c r="K613" s="18">
        <v>0.38502397359347806</v>
      </c>
      <c r="L613" s="128"/>
      <c r="M613" s="105"/>
      <c r="N613" s="119"/>
    </row>
    <row r="614" spans="1:14" ht="16.95" customHeight="1" x14ac:dyDescent="0.2">
      <c r="A614" s="99"/>
      <c r="B614" s="102"/>
      <c r="C614" s="105"/>
      <c r="D614" s="108"/>
      <c r="E614" s="105"/>
      <c r="F614" s="105"/>
      <c r="G614" s="25"/>
      <c r="H614" s="19"/>
      <c r="I614" s="78"/>
      <c r="J614" s="65"/>
      <c r="K614" s="6"/>
      <c r="L614" s="128"/>
      <c r="M614" s="105"/>
      <c r="N614" s="119"/>
    </row>
    <row r="615" spans="1:14" ht="16.95" customHeight="1" x14ac:dyDescent="0.2">
      <c r="A615" s="99"/>
      <c r="B615" s="102"/>
      <c r="C615" s="105"/>
      <c r="D615" s="108"/>
      <c r="E615" s="105"/>
      <c r="F615" s="105"/>
      <c r="G615" s="25"/>
      <c r="H615" s="19"/>
      <c r="I615" s="78"/>
      <c r="J615" s="65"/>
      <c r="K615" s="6"/>
      <c r="L615" s="128"/>
      <c r="M615" s="105"/>
      <c r="N615" s="119"/>
    </row>
    <row r="616" spans="1:14" ht="16.95" customHeight="1" thickBot="1" x14ac:dyDescent="0.25">
      <c r="A616" s="100"/>
      <c r="B616" s="103"/>
      <c r="C616" s="106"/>
      <c r="D616" s="109"/>
      <c r="E616" s="106"/>
      <c r="F616" s="106"/>
      <c r="G616" s="26"/>
      <c r="H616" s="22"/>
      <c r="I616" s="79"/>
      <c r="J616" s="66"/>
      <c r="K616" s="7"/>
      <c r="L616" s="129"/>
      <c r="M616" s="106"/>
      <c r="N616" s="120"/>
    </row>
    <row r="617" spans="1:14" ht="16.95" customHeight="1" thickTop="1" x14ac:dyDescent="0.2">
      <c r="A617" s="98">
        <v>52</v>
      </c>
      <c r="B617" s="101" t="s">
        <v>120</v>
      </c>
      <c r="C617" s="104" t="s">
        <v>168</v>
      </c>
      <c r="D617" s="107" t="s">
        <v>16</v>
      </c>
      <c r="E617" s="104" t="s">
        <v>122</v>
      </c>
      <c r="F617" s="104" t="s">
        <v>169</v>
      </c>
      <c r="G617" s="8" t="s">
        <v>11</v>
      </c>
      <c r="H617" s="9"/>
      <c r="I617" s="72"/>
      <c r="J617" s="59"/>
      <c r="K617" s="4"/>
      <c r="L617" s="127" t="s">
        <v>288</v>
      </c>
      <c r="M617" s="134"/>
      <c r="N617" s="124" t="s">
        <v>385</v>
      </c>
    </row>
    <row r="618" spans="1:14" ht="16.95" customHeight="1" x14ac:dyDescent="0.2">
      <c r="A618" s="99"/>
      <c r="B618" s="102"/>
      <c r="C618" s="105"/>
      <c r="D618" s="108"/>
      <c r="E618" s="105"/>
      <c r="F618" s="105"/>
      <c r="G618" s="12">
        <v>6087449</v>
      </c>
      <c r="H618" s="10" t="s">
        <v>210</v>
      </c>
      <c r="I618" s="73">
        <v>655673</v>
      </c>
      <c r="J618" s="60">
        <v>639074</v>
      </c>
      <c r="K618" s="11">
        <v>734217</v>
      </c>
      <c r="L618" s="128"/>
      <c r="M618" s="105"/>
      <c r="N618" s="119"/>
    </row>
    <row r="619" spans="1:14" ht="16.95" customHeight="1" x14ac:dyDescent="0.2">
      <c r="A619" s="99"/>
      <c r="B619" s="102"/>
      <c r="C619" s="105"/>
      <c r="D619" s="108"/>
      <c r="E619" s="105"/>
      <c r="F619" s="105"/>
      <c r="G619" s="12"/>
      <c r="H619" s="13" t="s">
        <v>211</v>
      </c>
      <c r="I619" s="74">
        <v>13631</v>
      </c>
      <c r="J619" s="61">
        <v>12499</v>
      </c>
      <c r="K619" s="14">
        <v>13806</v>
      </c>
      <c r="L619" s="128"/>
      <c r="M619" s="105"/>
      <c r="N619" s="119"/>
    </row>
    <row r="620" spans="1:14" ht="16.95" customHeight="1" x14ac:dyDescent="0.2">
      <c r="A620" s="99"/>
      <c r="B620" s="102"/>
      <c r="C620" s="105"/>
      <c r="D620" s="108"/>
      <c r="E620" s="105"/>
      <c r="F620" s="105"/>
      <c r="G620" s="12" t="s">
        <v>12</v>
      </c>
      <c r="H620" s="13" t="s">
        <v>212</v>
      </c>
      <c r="I620" s="74">
        <v>90899</v>
      </c>
      <c r="J620" s="61">
        <v>91974</v>
      </c>
      <c r="K620" s="14">
        <v>90475</v>
      </c>
      <c r="L620" s="128"/>
      <c r="M620" s="105"/>
      <c r="N620" s="119"/>
    </row>
    <row r="621" spans="1:14" ht="16.95" customHeight="1" x14ac:dyDescent="0.2">
      <c r="A621" s="99"/>
      <c r="B621" s="102"/>
      <c r="C621" s="105"/>
      <c r="D621" s="108"/>
      <c r="E621" s="105"/>
      <c r="F621" s="105"/>
      <c r="G621" s="12">
        <v>58699</v>
      </c>
      <c r="H621" s="5"/>
      <c r="I621" s="83"/>
      <c r="J621" s="62"/>
      <c r="K621" s="15"/>
      <c r="L621" s="128"/>
      <c r="M621" s="105"/>
      <c r="N621" s="119"/>
    </row>
    <row r="622" spans="1:14" ht="16.95" customHeight="1" x14ac:dyDescent="0.2">
      <c r="A622" s="99"/>
      <c r="B622" s="102"/>
      <c r="C622" s="105"/>
      <c r="D622" s="108"/>
      <c r="E622" s="105"/>
      <c r="F622" s="105"/>
      <c r="G622" s="12"/>
      <c r="H622" s="5"/>
      <c r="I622" s="83"/>
      <c r="J622" s="62"/>
      <c r="K622" s="15"/>
      <c r="L622" s="128"/>
      <c r="M622" s="105"/>
      <c r="N622" s="119"/>
    </row>
    <row r="623" spans="1:14" ht="16.95" customHeight="1" x14ac:dyDescent="0.2">
      <c r="A623" s="99"/>
      <c r="B623" s="102"/>
      <c r="C623" s="105"/>
      <c r="D623" s="108"/>
      <c r="E623" s="105"/>
      <c r="F623" s="105"/>
      <c r="G623" s="12"/>
      <c r="H623" s="10" t="s">
        <v>213</v>
      </c>
      <c r="I623" s="76">
        <v>-77268</v>
      </c>
      <c r="J623" s="63">
        <v>-79475</v>
      </c>
      <c r="K623" s="16">
        <v>-76669</v>
      </c>
      <c r="L623" s="128"/>
      <c r="M623" s="105"/>
      <c r="N623" s="119"/>
    </row>
    <row r="624" spans="1:14" ht="16.95" customHeight="1" x14ac:dyDescent="0.2">
      <c r="A624" s="99"/>
      <c r="B624" s="102"/>
      <c r="C624" s="105"/>
      <c r="D624" s="108"/>
      <c r="E624" s="105"/>
      <c r="F624" s="105"/>
      <c r="G624" s="12"/>
      <c r="H624" s="13" t="s">
        <v>214</v>
      </c>
      <c r="I624" s="77">
        <v>0.13863465477455988</v>
      </c>
      <c r="J624" s="64">
        <v>0.14391760578587143</v>
      </c>
      <c r="K624" s="17">
        <v>0.12322651205297616</v>
      </c>
      <c r="L624" s="128"/>
      <c r="M624" s="105"/>
      <c r="N624" s="119"/>
    </row>
    <row r="625" spans="1:14" ht="16.95" customHeight="1" x14ac:dyDescent="0.2">
      <c r="A625" s="99"/>
      <c r="B625" s="102"/>
      <c r="C625" s="105"/>
      <c r="D625" s="108"/>
      <c r="E625" s="105"/>
      <c r="F625" s="105"/>
      <c r="G625" s="12"/>
      <c r="H625" s="13" t="s">
        <v>215</v>
      </c>
      <c r="I625" s="77">
        <v>0.11784532838777867</v>
      </c>
      <c r="J625" s="64">
        <v>0.12435962032565868</v>
      </c>
      <c r="K625" s="18">
        <v>0.10442280688134434</v>
      </c>
      <c r="L625" s="128"/>
      <c r="M625" s="105"/>
      <c r="N625" s="119"/>
    </row>
    <row r="626" spans="1:14" ht="16.95" customHeight="1" x14ac:dyDescent="0.2">
      <c r="A626" s="99"/>
      <c r="B626" s="102"/>
      <c r="C626" s="105"/>
      <c r="D626" s="108"/>
      <c r="E626" s="105"/>
      <c r="F626" s="105"/>
      <c r="G626" s="12"/>
      <c r="H626" s="19"/>
      <c r="I626" s="78"/>
      <c r="J626" s="65"/>
      <c r="K626" s="6"/>
      <c r="L626" s="128"/>
      <c r="M626" s="105"/>
      <c r="N626" s="119"/>
    </row>
    <row r="627" spans="1:14" ht="16.95" customHeight="1" x14ac:dyDescent="0.2">
      <c r="A627" s="99"/>
      <c r="B627" s="102"/>
      <c r="C627" s="105"/>
      <c r="D627" s="108"/>
      <c r="E627" s="105"/>
      <c r="F627" s="105"/>
      <c r="G627" s="12"/>
      <c r="H627" s="19"/>
      <c r="I627" s="78"/>
      <c r="J627" s="65"/>
      <c r="K627" s="6"/>
      <c r="L627" s="128"/>
      <c r="M627" s="105"/>
      <c r="N627" s="119"/>
    </row>
    <row r="628" spans="1:14" ht="16.95" customHeight="1" thickBot="1" x14ac:dyDescent="0.25">
      <c r="A628" s="99"/>
      <c r="B628" s="103"/>
      <c r="C628" s="106"/>
      <c r="D628" s="109"/>
      <c r="E628" s="106"/>
      <c r="F628" s="106"/>
      <c r="G628" s="21"/>
      <c r="H628" s="22"/>
      <c r="I628" s="79"/>
      <c r="J628" s="66"/>
      <c r="K628" s="7"/>
      <c r="L628" s="129"/>
      <c r="M628" s="106"/>
      <c r="N628" s="120"/>
    </row>
    <row r="629" spans="1:14" ht="16.95" customHeight="1" thickTop="1" x14ac:dyDescent="0.2">
      <c r="A629" s="98">
        <v>53</v>
      </c>
      <c r="B629" s="101" t="s">
        <v>120</v>
      </c>
      <c r="C629" s="104" t="s">
        <v>170</v>
      </c>
      <c r="D629" s="107" t="s">
        <v>171</v>
      </c>
      <c r="E629" s="104" t="s">
        <v>122</v>
      </c>
      <c r="F629" s="104" t="s">
        <v>233</v>
      </c>
      <c r="G629" s="8" t="s">
        <v>11</v>
      </c>
      <c r="H629" s="9"/>
      <c r="I629" s="72"/>
      <c r="J629" s="59"/>
      <c r="K629" s="4"/>
      <c r="L629" s="127" t="s">
        <v>289</v>
      </c>
      <c r="M629" s="134"/>
      <c r="N629" s="124" t="s">
        <v>386</v>
      </c>
    </row>
    <row r="630" spans="1:14" ht="16.95" customHeight="1" x14ac:dyDescent="0.2">
      <c r="A630" s="99"/>
      <c r="B630" s="102"/>
      <c r="C630" s="105"/>
      <c r="D630" s="108"/>
      <c r="E630" s="105"/>
      <c r="F630" s="105"/>
      <c r="G630" s="12">
        <v>130185</v>
      </c>
      <c r="H630" s="10" t="s">
        <v>210</v>
      </c>
      <c r="I630" s="73">
        <v>461672</v>
      </c>
      <c r="J630" s="60">
        <v>477649</v>
      </c>
      <c r="K630" s="11">
        <v>461791</v>
      </c>
      <c r="L630" s="128"/>
      <c r="M630" s="105"/>
      <c r="N630" s="119"/>
    </row>
    <row r="631" spans="1:14" ht="16.95" customHeight="1" x14ac:dyDescent="0.2">
      <c r="A631" s="99"/>
      <c r="B631" s="102"/>
      <c r="C631" s="105"/>
      <c r="D631" s="108"/>
      <c r="E631" s="105"/>
      <c r="F631" s="105"/>
      <c r="G631" s="12"/>
      <c r="H631" s="13" t="s">
        <v>211</v>
      </c>
      <c r="I631" s="74">
        <v>1975</v>
      </c>
      <c r="J631" s="61">
        <v>2188</v>
      </c>
      <c r="K631" s="14">
        <v>2112</v>
      </c>
      <c r="L631" s="128"/>
      <c r="M631" s="105"/>
      <c r="N631" s="119"/>
    </row>
    <row r="632" spans="1:14" ht="16.95" customHeight="1" x14ac:dyDescent="0.2">
      <c r="A632" s="99"/>
      <c r="B632" s="102"/>
      <c r="C632" s="105"/>
      <c r="D632" s="108"/>
      <c r="E632" s="105"/>
      <c r="F632" s="105"/>
      <c r="G632" s="12" t="s">
        <v>12</v>
      </c>
      <c r="H632" s="13" t="s">
        <v>212</v>
      </c>
      <c r="I632" s="74">
        <v>63210</v>
      </c>
      <c r="J632" s="61">
        <v>66757</v>
      </c>
      <c r="K632" s="14">
        <v>67562</v>
      </c>
      <c r="L632" s="128"/>
      <c r="M632" s="105"/>
      <c r="N632" s="119"/>
    </row>
    <row r="633" spans="1:14" ht="16.95" customHeight="1" x14ac:dyDescent="0.2">
      <c r="A633" s="99"/>
      <c r="B633" s="102"/>
      <c r="C633" s="105"/>
      <c r="D633" s="108"/>
      <c r="E633" s="105"/>
      <c r="F633" s="105"/>
      <c r="G633" s="12">
        <v>92915</v>
      </c>
      <c r="H633" s="5"/>
      <c r="I633" s="83"/>
      <c r="J633" s="62"/>
      <c r="K633" s="15"/>
      <c r="L633" s="128"/>
      <c r="M633" s="105"/>
      <c r="N633" s="119"/>
    </row>
    <row r="634" spans="1:14" ht="16.95" customHeight="1" x14ac:dyDescent="0.2">
      <c r="A634" s="99"/>
      <c r="B634" s="102"/>
      <c r="C634" s="105"/>
      <c r="D634" s="108"/>
      <c r="E634" s="105"/>
      <c r="F634" s="105"/>
      <c r="G634" s="25"/>
      <c r="H634" s="5"/>
      <c r="I634" s="83"/>
      <c r="J634" s="62"/>
      <c r="K634" s="15"/>
      <c r="L634" s="128"/>
      <c r="M634" s="105"/>
      <c r="N634" s="119"/>
    </row>
    <row r="635" spans="1:14" ht="16.95" customHeight="1" x14ac:dyDescent="0.2">
      <c r="A635" s="99"/>
      <c r="B635" s="102"/>
      <c r="C635" s="105"/>
      <c r="D635" s="108"/>
      <c r="E635" s="105"/>
      <c r="F635" s="105"/>
      <c r="G635" s="25"/>
      <c r="H635" s="10" t="s">
        <v>213</v>
      </c>
      <c r="I635" s="76">
        <v>-61235</v>
      </c>
      <c r="J635" s="63">
        <v>-64569</v>
      </c>
      <c r="K635" s="16">
        <v>-65450</v>
      </c>
      <c r="L635" s="128"/>
      <c r="M635" s="105"/>
      <c r="N635" s="119"/>
    </row>
    <row r="636" spans="1:14" ht="16.95" customHeight="1" x14ac:dyDescent="0.2">
      <c r="A636" s="99"/>
      <c r="B636" s="102"/>
      <c r="C636" s="105"/>
      <c r="D636" s="108"/>
      <c r="E636" s="105"/>
      <c r="F636" s="105"/>
      <c r="G636" s="25"/>
      <c r="H636" s="13" t="s">
        <v>214</v>
      </c>
      <c r="I636" s="77">
        <v>0.13691538581503751</v>
      </c>
      <c r="J636" s="64">
        <v>0.13976162412147833</v>
      </c>
      <c r="K636" s="17">
        <v>0.1463042805078488</v>
      </c>
      <c r="L636" s="128"/>
      <c r="M636" s="105"/>
      <c r="N636" s="119"/>
    </row>
    <row r="637" spans="1:14" ht="16.95" customHeight="1" x14ac:dyDescent="0.2">
      <c r="A637" s="99"/>
      <c r="B637" s="102"/>
      <c r="C637" s="105"/>
      <c r="D637" s="108"/>
      <c r="E637" s="105"/>
      <c r="F637" s="105"/>
      <c r="G637" s="25"/>
      <c r="H637" s="13" t="s">
        <v>215</v>
      </c>
      <c r="I637" s="77">
        <v>0.13263745689580481</v>
      </c>
      <c r="J637" s="64">
        <v>0.13518085456056644</v>
      </c>
      <c r="K637" s="18">
        <v>0.14173078297324981</v>
      </c>
      <c r="L637" s="128"/>
      <c r="M637" s="105"/>
      <c r="N637" s="119"/>
    </row>
    <row r="638" spans="1:14" ht="16.95" customHeight="1" x14ac:dyDescent="0.2">
      <c r="A638" s="99"/>
      <c r="B638" s="102"/>
      <c r="C638" s="105"/>
      <c r="D638" s="108"/>
      <c r="E638" s="105"/>
      <c r="F638" s="105"/>
      <c r="G638" s="25"/>
      <c r="H638" s="19"/>
      <c r="I638" s="78"/>
      <c r="J638" s="65"/>
      <c r="K638" s="6"/>
      <c r="L638" s="128"/>
      <c r="M638" s="105"/>
      <c r="N638" s="119"/>
    </row>
    <row r="639" spans="1:14" ht="16.95" customHeight="1" x14ac:dyDescent="0.2">
      <c r="A639" s="99"/>
      <c r="B639" s="102"/>
      <c r="C639" s="105"/>
      <c r="D639" s="108"/>
      <c r="E639" s="105"/>
      <c r="F639" s="105"/>
      <c r="G639" s="25"/>
      <c r="H639" s="19"/>
      <c r="I639" s="78"/>
      <c r="J639" s="65"/>
      <c r="K639" s="6"/>
      <c r="L639" s="128"/>
      <c r="M639" s="105"/>
      <c r="N639" s="119"/>
    </row>
    <row r="640" spans="1:14" ht="16.95" customHeight="1" thickBot="1" x14ac:dyDescent="0.25">
      <c r="A640" s="100"/>
      <c r="B640" s="103"/>
      <c r="C640" s="106"/>
      <c r="D640" s="109"/>
      <c r="E640" s="106"/>
      <c r="F640" s="106"/>
      <c r="G640" s="26"/>
      <c r="H640" s="22"/>
      <c r="I640" s="79"/>
      <c r="J640" s="66"/>
      <c r="K640" s="7"/>
      <c r="L640" s="129"/>
      <c r="M640" s="106"/>
      <c r="N640" s="120"/>
    </row>
    <row r="641" spans="1:14" ht="16.95" customHeight="1" thickTop="1" x14ac:dyDescent="0.2">
      <c r="A641" s="98">
        <v>54</v>
      </c>
      <c r="B641" s="101" t="s">
        <v>120</v>
      </c>
      <c r="C641" s="104" t="s">
        <v>172</v>
      </c>
      <c r="D641" s="107" t="s">
        <v>9</v>
      </c>
      <c r="E641" s="104" t="s">
        <v>122</v>
      </c>
      <c r="F641" s="104" t="s">
        <v>341</v>
      </c>
      <c r="G641" s="8" t="s">
        <v>11</v>
      </c>
      <c r="H641" s="9"/>
      <c r="I641" s="72"/>
      <c r="J641" s="59"/>
      <c r="K641" s="4"/>
      <c r="L641" s="127" t="s">
        <v>321</v>
      </c>
      <c r="M641" s="134"/>
      <c r="N641" s="124" t="s">
        <v>387</v>
      </c>
    </row>
    <row r="642" spans="1:14" ht="16.95" customHeight="1" x14ac:dyDescent="0.2">
      <c r="A642" s="99"/>
      <c r="B642" s="102"/>
      <c r="C642" s="105"/>
      <c r="D642" s="108"/>
      <c r="E642" s="105"/>
      <c r="F642" s="105"/>
      <c r="G642" s="12">
        <v>713571</v>
      </c>
      <c r="H642" s="10" t="s">
        <v>210</v>
      </c>
      <c r="I642" s="73">
        <v>436733</v>
      </c>
      <c r="J642" s="60">
        <v>438944</v>
      </c>
      <c r="K642" s="11">
        <v>450065</v>
      </c>
      <c r="L642" s="128"/>
      <c r="M642" s="105"/>
      <c r="N642" s="119"/>
    </row>
    <row r="643" spans="1:14" ht="16.95" customHeight="1" x14ac:dyDescent="0.2">
      <c r="A643" s="99"/>
      <c r="B643" s="102"/>
      <c r="C643" s="105"/>
      <c r="D643" s="108"/>
      <c r="E643" s="105"/>
      <c r="F643" s="105"/>
      <c r="G643" s="12"/>
      <c r="H643" s="13" t="s">
        <v>211</v>
      </c>
      <c r="I643" s="74">
        <v>1678</v>
      </c>
      <c r="J643" s="61">
        <v>1719</v>
      </c>
      <c r="K643" s="14">
        <v>1922</v>
      </c>
      <c r="L643" s="128"/>
      <c r="M643" s="105"/>
      <c r="N643" s="119"/>
    </row>
    <row r="644" spans="1:14" ht="16.95" customHeight="1" x14ac:dyDescent="0.2">
      <c r="A644" s="99"/>
      <c r="B644" s="102"/>
      <c r="C644" s="105"/>
      <c r="D644" s="108"/>
      <c r="E644" s="105"/>
      <c r="F644" s="105"/>
      <c r="G644" s="12" t="s">
        <v>12</v>
      </c>
      <c r="H644" s="13" t="s">
        <v>212</v>
      </c>
      <c r="I644" s="74">
        <v>163856</v>
      </c>
      <c r="J644" s="61">
        <v>163816</v>
      </c>
      <c r="K644" s="14">
        <v>164559</v>
      </c>
      <c r="L644" s="128"/>
      <c r="M644" s="105"/>
      <c r="N644" s="119"/>
    </row>
    <row r="645" spans="1:14" ht="16.95" customHeight="1" x14ac:dyDescent="0.2">
      <c r="A645" s="99"/>
      <c r="B645" s="102"/>
      <c r="C645" s="105"/>
      <c r="D645" s="108"/>
      <c r="E645" s="105"/>
      <c r="F645" s="105"/>
      <c r="G645" s="12">
        <v>110564</v>
      </c>
      <c r="H645" s="5"/>
      <c r="I645" s="83"/>
      <c r="J645" s="62"/>
      <c r="K645" s="15"/>
      <c r="L645" s="128"/>
      <c r="M645" s="105"/>
      <c r="N645" s="119"/>
    </row>
    <row r="646" spans="1:14" ht="16.95" customHeight="1" x14ac:dyDescent="0.2">
      <c r="A646" s="99"/>
      <c r="B646" s="102"/>
      <c r="C646" s="105"/>
      <c r="D646" s="108"/>
      <c r="E646" s="105"/>
      <c r="F646" s="105"/>
      <c r="G646" s="12"/>
      <c r="H646" s="5"/>
      <c r="I646" s="83"/>
      <c r="J646" s="62"/>
      <c r="K646" s="15"/>
      <c r="L646" s="128"/>
      <c r="M646" s="105"/>
      <c r="N646" s="119"/>
    </row>
    <row r="647" spans="1:14" ht="16.95" customHeight="1" x14ac:dyDescent="0.2">
      <c r="A647" s="99"/>
      <c r="B647" s="102"/>
      <c r="C647" s="105"/>
      <c r="D647" s="108"/>
      <c r="E647" s="105"/>
      <c r="F647" s="105"/>
      <c r="G647" s="12"/>
      <c r="H647" s="10" t="s">
        <v>213</v>
      </c>
      <c r="I647" s="76">
        <v>-162178</v>
      </c>
      <c r="J647" s="63">
        <v>-162097</v>
      </c>
      <c r="K647" s="16">
        <v>-162637</v>
      </c>
      <c r="L647" s="128"/>
      <c r="M647" s="105"/>
      <c r="N647" s="119"/>
    </row>
    <row r="648" spans="1:14" ht="16.95" customHeight="1" x14ac:dyDescent="0.2">
      <c r="A648" s="99"/>
      <c r="B648" s="102"/>
      <c r="C648" s="105"/>
      <c r="D648" s="108"/>
      <c r="E648" s="105"/>
      <c r="F648" s="105"/>
      <c r="G648" s="12"/>
      <c r="H648" s="13" t="s">
        <v>214</v>
      </c>
      <c r="I648" s="77">
        <v>0.37518575422512151</v>
      </c>
      <c r="J648" s="64">
        <v>0.37320478238681926</v>
      </c>
      <c r="K648" s="17">
        <v>0.36563385288791617</v>
      </c>
      <c r="L648" s="128"/>
      <c r="M648" s="105"/>
      <c r="N648" s="119"/>
    </row>
    <row r="649" spans="1:14" ht="16.95" customHeight="1" x14ac:dyDescent="0.2">
      <c r="A649" s="99"/>
      <c r="B649" s="102"/>
      <c r="C649" s="105"/>
      <c r="D649" s="108"/>
      <c r="E649" s="105"/>
      <c r="F649" s="105"/>
      <c r="G649" s="12"/>
      <c r="H649" s="13" t="s">
        <v>215</v>
      </c>
      <c r="I649" s="77">
        <v>0.37134358979055854</v>
      </c>
      <c r="J649" s="64">
        <v>0.36928856528395421</v>
      </c>
      <c r="K649" s="18">
        <v>0.36136335862597624</v>
      </c>
      <c r="L649" s="128"/>
      <c r="M649" s="105"/>
      <c r="N649" s="119"/>
    </row>
    <row r="650" spans="1:14" ht="16.95" customHeight="1" x14ac:dyDescent="0.2">
      <c r="A650" s="99"/>
      <c r="B650" s="102"/>
      <c r="C650" s="105"/>
      <c r="D650" s="108"/>
      <c r="E650" s="105"/>
      <c r="F650" s="105"/>
      <c r="G650" s="12"/>
      <c r="H650" s="19"/>
      <c r="I650" s="78"/>
      <c r="J650" s="65"/>
      <c r="K650" s="6"/>
      <c r="L650" s="128"/>
      <c r="M650" s="105"/>
      <c r="N650" s="119"/>
    </row>
    <row r="651" spans="1:14" ht="16.95" customHeight="1" x14ac:dyDescent="0.2">
      <c r="A651" s="99"/>
      <c r="B651" s="102"/>
      <c r="C651" s="105"/>
      <c r="D651" s="108"/>
      <c r="E651" s="105"/>
      <c r="F651" s="105"/>
      <c r="G651" s="12"/>
      <c r="H651" s="19"/>
      <c r="I651" s="78"/>
      <c r="J651" s="65"/>
      <c r="K651" s="6"/>
      <c r="L651" s="128"/>
      <c r="M651" s="105"/>
      <c r="N651" s="119"/>
    </row>
    <row r="652" spans="1:14" ht="16.95" customHeight="1" thickBot="1" x14ac:dyDescent="0.25">
      <c r="A652" s="99"/>
      <c r="B652" s="103"/>
      <c r="C652" s="106"/>
      <c r="D652" s="109"/>
      <c r="E652" s="106"/>
      <c r="F652" s="106"/>
      <c r="G652" s="21"/>
      <c r="H652" s="22"/>
      <c r="I652" s="79"/>
      <c r="J652" s="66"/>
      <c r="K652" s="7"/>
      <c r="L652" s="129"/>
      <c r="M652" s="106"/>
      <c r="N652" s="120"/>
    </row>
    <row r="653" spans="1:14" ht="16.95" customHeight="1" thickTop="1" x14ac:dyDescent="0.2">
      <c r="A653" s="98">
        <v>55</v>
      </c>
      <c r="B653" s="101" t="s">
        <v>120</v>
      </c>
      <c r="C653" s="104" t="s">
        <v>230</v>
      </c>
      <c r="D653" s="107" t="s">
        <v>154</v>
      </c>
      <c r="E653" s="104" t="s">
        <v>122</v>
      </c>
      <c r="F653" s="104" t="s">
        <v>342</v>
      </c>
      <c r="G653" s="8" t="s">
        <v>11</v>
      </c>
      <c r="H653" s="9"/>
      <c r="I653" s="72"/>
      <c r="J653" s="59"/>
      <c r="K653" s="4"/>
      <c r="L653" s="127" t="s">
        <v>290</v>
      </c>
      <c r="M653" s="134"/>
      <c r="N653" s="124" t="s">
        <v>388</v>
      </c>
    </row>
    <row r="654" spans="1:14" ht="16.95" customHeight="1" x14ac:dyDescent="0.2">
      <c r="A654" s="99"/>
      <c r="B654" s="102"/>
      <c r="C654" s="105"/>
      <c r="D654" s="108"/>
      <c r="E654" s="105"/>
      <c r="F654" s="105"/>
      <c r="G654" s="12">
        <v>508585</v>
      </c>
      <c r="H654" s="10" t="s">
        <v>210</v>
      </c>
      <c r="I654" s="73">
        <v>301405</v>
      </c>
      <c r="J654" s="60">
        <v>346121</v>
      </c>
      <c r="K654" s="11">
        <v>413633</v>
      </c>
      <c r="L654" s="128"/>
      <c r="M654" s="105"/>
      <c r="N654" s="119"/>
    </row>
    <row r="655" spans="1:14" ht="16.95" customHeight="1" x14ac:dyDescent="0.2">
      <c r="A655" s="99"/>
      <c r="B655" s="102"/>
      <c r="C655" s="105"/>
      <c r="D655" s="108"/>
      <c r="E655" s="105"/>
      <c r="F655" s="105"/>
      <c r="G655" s="12"/>
      <c r="H655" s="13" t="s">
        <v>211</v>
      </c>
      <c r="I655" s="74">
        <v>17832</v>
      </c>
      <c r="J655" s="61">
        <v>18701</v>
      </c>
      <c r="K655" s="14">
        <v>18171</v>
      </c>
      <c r="L655" s="128"/>
      <c r="M655" s="105"/>
      <c r="N655" s="119"/>
    </row>
    <row r="656" spans="1:14" ht="16.95" customHeight="1" x14ac:dyDescent="0.2">
      <c r="A656" s="99"/>
      <c r="B656" s="102"/>
      <c r="C656" s="105"/>
      <c r="D656" s="108"/>
      <c r="E656" s="105"/>
      <c r="F656" s="105"/>
      <c r="G656" s="12" t="s">
        <v>12</v>
      </c>
      <c r="H656" s="13" t="s">
        <v>212</v>
      </c>
      <c r="I656" s="74">
        <v>138219</v>
      </c>
      <c r="J656" s="61">
        <v>150113</v>
      </c>
      <c r="K656" s="14">
        <v>156752</v>
      </c>
      <c r="L656" s="128"/>
      <c r="M656" s="105"/>
      <c r="N656" s="119"/>
    </row>
    <row r="657" spans="1:14" ht="16.95" customHeight="1" x14ac:dyDescent="0.2">
      <c r="A657" s="99"/>
      <c r="B657" s="102"/>
      <c r="C657" s="105"/>
      <c r="D657" s="108"/>
      <c r="E657" s="105"/>
      <c r="F657" s="105"/>
      <c r="G657" s="12">
        <v>357973</v>
      </c>
      <c r="H657" s="5"/>
      <c r="I657" s="83"/>
      <c r="J657" s="62"/>
      <c r="K657" s="15"/>
      <c r="L657" s="128"/>
      <c r="M657" s="105"/>
      <c r="N657" s="119"/>
    </row>
    <row r="658" spans="1:14" ht="16.95" customHeight="1" x14ac:dyDescent="0.2">
      <c r="A658" s="99"/>
      <c r="B658" s="102"/>
      <c r="C658" s="105"/>
      <c r="D658" s="108"/>
      <c r="E658" s="105"/>
      <c r="F658" s="105"/>
      <c r="G658" s="12"/>
      <c r="H658" s="5"/>
      <c r="I658" s="83"/>
      <c r="J658" s="62"/>
      <c r="K658" s="15"/>
      <c r="L658" s="128"/>
      <c r="M658" s="105"/>
      <c r="N658" s="119"/>
    </row>
    <row r="659" spans="1:14" ht="16.95" customHeight="1" x14ac:dyDescent="0.2">
      <c r="A659" s="99"/>
      <c r="B659" s="102"/>
      <c r="C659" s="105"/>
      <c r="D659" s="108"/>
      <c r="E659" s="105"/>
      <c r="F659" s="105"/>
      <c r="G659" s="12"/>
      <c r="H659" s="10" t="s">
        <v>213</v>
      </c>
      <c r="I659" s="76">
        <v>-120387</v>
      </c>
      <c r="J659" s="63">
        <v>-131412</v>
      </c>
      <c r="K659" s="16">
        <v>-138581</v>
      </c>
      <c r="L659" s="128"/>
      <c r="M659" s="105"/>
      <c r="N659" s="119"/>
    </row>
    <row r="660" spans="1:14" ht="16.95" customHeight="1" x14ac:dyDescent="0.2">
      <c r="A660" s="99"/>
      <c r="B660" s="102"/>
      <c r="C660" s="105"/>
      <c r="D660" s="108"/>
      <c r="E660" s="105"/>
      <c r="F660" s="105"/>
      <c r="G660" s="12"/>
      <c r="H660" s="13" t="s">
        <v>214</v>
      </c>
      <c r="I660" s="77">
        <v>0.45858230619929996</v>
      </c>
      <c r="J660" s="64">
        <v>0.43370093117724728</v>
      </c>
      <c r="K660" s="17">
        <v>0.37896396080583511</v>
      </c>
      <c r="L660" s="128"/>
      <c r="M660" s="105"/>
      <c r="N660" s="119"/>
    </row>
    <row r="661" spans="1:14" ht="16.95" customHeight="1" x14ac:dyDescent="0.2">
      <c r="A661" s="99"/>
      <c r="B661" s="102"/>
      <c r="C661" s="105"/>
      <c r="D661" s="108"/>
      <c r="E661" s="105"/>
      <c r="F661" s="105"/>
      <c r="G661" s="12"/>
      <c r="H661" s="13" t="s">
        <v>215</v>
      </c>
      <c r="I661" s="77">
        <v>0.39941938587614673</v>
      </c>
      <c r="J661" s="64">
        <v>0.37967069319688779</v>
      </c>
      <c r="K661" s="18">
        <v>0.33503371346096661</v>
      </c>
      <c r="L661" s="128"/>
      <c r="M661" s="105"/>
      <c r="N661" s="119"/>
    </row>
    <row r="662" spans="1:14" ht="16.95" customHeight="1" x14ac:dyDescent="0.2">
      <c r="A662" s="99"/>
      <c r="B662" s="102"/>
      <c r="C662" s="105"/>
      <c r="D662" s="108"/>
      <c r="E662" s="105"/>
      <c r="F662" s="105"/>
      <c r="G662" s="12"/>
      <c r="H662" s="19"/>
      <c r="I662" s="78"/>
      <c r="J662" s="65"/>
      <c r="K662" s="6"/>
      <c r="L662" s="128"/>
      <c r="M662" s="105"/>
      <c r="N662" s="119"/>
    </row>
    <row r="663" spans="1:14" ht="16.95" customHeight="1" x14ac:dyDescent="0.2">
      <c r="A663" s="99"/>
      <c r="B663" s="102"/>
      <c r="C663" s="105"/>
      <c r="D663" s="108"/>
      <c r="E663" s="105"/>
      <c r="F663" s="105"/>
      <c r="G663" s="12"/>
      <c r="H663" s="19"/>
      <c r="I663" s="78"/>
      <c r="J663" s="65"/>
      <c r="K663" s="6"/>
      <c r="L663" s="128"/>
      <c r="M663" s="105"/>
      <c r="N663" s="119"/>
    </row>
    <row r="664" spans="1:14" ht="16.95" customHeight="1" thickBot="1" x14ac:dyDescent="0.25">
      <c r="A664" s="100"/>
      <c r="B664" s="103"/>
      <c r="C664" s="106"/>
      <c r="D664" s="109"/>
      <c r="E664" s="106"/>
      <c r="F664" s="106"/>
      <c r="G664" s="21"/>
      <c r="H664" s="22"/>
      <c r="I664" s="79"/>
      <c r="J664" s="66"/>
      <c r="K664" s="7"/>
      <c r="L664" s="129"/>
      <c r="M664" s="106"/>
      <c r="N664" s="120"/>
    </row>
    <row r="665" spans="1:14" ht="16.95" customHeight="1" thickTop="1" x14ac:dyDescent="0.2">
      <c r="A665" s="98">
        <v>56</v>
      </c>
      <c r="B665" s="101" t="s">
        <v>120</v>
      </c>
      <c r="C665" s="104" t="s">
        <v>173</v>
      </c>
      <c r="D665" s="107" t="s">
        <v>174</v>
      </c>
      <c r="E665" s="104" t="s">
        <v>122</v>
      </c>
      <c r="F665" s="104" t="s">
        <v>175</v>
      </c>
      <c r="G665" s="8" t="s">
        <v>11</v>
      </c>
      <c r="H665" s="9"/>
      <c r="I665" s="72"/>
      <c r="J665" s="59"/>
      <c r="K665" s="4"/>
      <c r="L665" s="127" t="s">
        <v>291</v>
      </c>
      <c r="M665" s="134"/>
      <c r="N665" s="124" t="s">
        <v>389</v>
      </c>
    </row>
    <row r="666" spans="1:14" ht="16.95" customHeight="1" x14ac:dyDescent="0.2">
      <c r="A666" s="99"/>
      <c r="B666" s="102"/>
      <c r="C666" s="105"/>
      <c r="D666" s="108"/>
      <c r="E666" s="105"/>
      <c r="F666" s="105"/>
      <c r="G666" s="12">
        <v>103344</v>
      </c>
      <c r="H666" s="10" t="s">
        <v>210</v>
      </c>
      <c r="I666" s="73">
        <v>379987</v>
      </c>
      <c r="J666" s="60">
        <v>428383</v>
      </c>
      <c r="K666" s="11">
        <v>444675</v>
      </c>
      <c r="L666" s="128"/>
      <c r="M666" s="105"/>
      <c r="N666" s="119"/>
    </row>
    <row r="667" spans="1:14" ht="16.95" customHeight="1" x14ac:dyDescent="0.2">
      <c r="A667" s="99"/>
      <c r="B667" s="102"/>
      <c r="C667" s="105"/>
      <c r="D667" s="108"/>
      <c r="E667" s="105"/>
      <c r="F667" s="105"/>
      <c r="G667" s="12"/>
      <c r="H667" s="13" t="s">
        <v>211</v>
      </c>
      <c r="I667" s="74">
        <v>41908</v>
      </c>
      <c r="J667" s="61">
        <v>43373</v>
      </c>
      <c r="K667" s="14">
        <v>48147</v>
      </c>
      <c r="L667" s="128"/>
      <c r="M667" s="105"/>
      <c r="N667" s="119"/>
    </row>
    <row r="668" spans="1:14" ht="16.95" customHeight="1" x14ac:dyDescent="0.2">
      <c r="A668" s="99"/>
      <c r="B668" s="102"/>
      <c r="C668" s="105"/>
      <c r="D668" s="108"/>
      <c r="E668" s="105"/>
      <c r="F668" s="105"/>
      <c r="G668" s="12" t="s">
        <v>12</v>
      </c>
      <c r="H668" s="13" t="s">
        <v>212</v>
      </c>
      <c r="I668" s="74">
        <v>156059</v>
      </c>
      <c r="J668" s="61">
        <v>151796</v>
      </c>
      <c r="K668" s="14">
        <v>160706</v>
      </c>
      <c r="L668" s="128"/>
      <c r="M668" s="105"/>
      <c r="N668" s="119"/>
    </row>
    <row r="669" spans="1:14" ht="16.95" customHeight="1" x14ac:dyDescent="0.2">
      <c r="A669" s="99"/>
      <c r="B669" s="102"/>
      <c r="C669" s="105"/>
      <c r="D669" s="108"/>
      <c r="E669" s="105"/>
      <c r="F669" s="105"/>
      <c r="G669" s="12">
        <v>605452</v>
      </c>
      <c r="H669" s="5"/>
      <c r="I669" s="83"/>
      <c r="J669" s="62"/>
      <c r="K669" s="15"/>
      <c r="L669" s="128"/>
      <c r="M669" s="105"/>
      <c r="N669" s="119"/>
    </row>
    <row r="670" spans="1:14" ht="16.95" customHeight="1" x14ac:dyDescent="0.2">
      <c r="A670" s="99"/>
      <c r="B670" s="102"/>
      <c r="C670" s="105"/>
      <c r="D670" s="108"/>
      <c r="E670" s="105"/>
      <c r="F670" s="105"/>
      <c r="G670" s="12"/>
      <c r="H670" s="5"/>
      <c r="I670" s="83"/>
      <c r="J670" s="62"/>
      <c r="K670" s="15"/>
      <c r="L670" s="128"/>
      <c r="M670" s="105"/>
      <c r="N670" s="119"/>
    </row>
    <row r="671" spans="1:14" ht="16.95" customHeight="1" x14ac:dyDescent="0.2">
      <c r="A671" s="99"/>
      <c r="B671" s="102"/>
      <c r="C671" s="105"/>
      <c r="D671" s="108"/>
      <c r="E671" s="105"/>
      <c r="F671" s="105"/>
      <c r="G671" s="12"/>
      <c r="H671" s="10" t="s">
        <v>213</v>
      </c>
      <c r="I671" s="76">
        <v>-114151</v>
      </c>
      <c r="J671" s="63">
        <v>-108423</v>
      </c>
      <c r="K671" s="16">
        <v>-112559</v>
      </c>
      <c r="L671" s="128"/>
      <c r="M671" s="105"/>
      <c r="N671" s="119"/>
    </row>
    <row r="672" spans="1:14" ht="16.95" customHeight="1" x14ac:dyDescent="0.2">
      <c r="A672" s="99"/>
      <c r="B672" s="102"/>
      <c r="C672" s="105"/>
      <c r="D672" s="108"/>
      <c r="E672" s="105"/>
      <c r="F672" s="105"/>
      <c r="G672" s="12"/>
      <c r="H672" s="13" t="s">
        <v>214</v>
      </c>
      <c r="I672" s="77">
        <v>0.41069562906099422</v>
      </c>
      <c r="J672" s="64">
        <v>0.35434646099401701</v>
      </c>
      <c r="K672" s="17">
        <v>0.36140102321920503</v>
      </c>
      <c r="L672" s="128"/>
      <c r="M672" s="105"/>
      <c r="N672" s="119"/>
    </row>
    <row r="673" spans="1:14" ht="16.95" customHeight="1" x14ac:dyDescent="0.2">
      <c r="A673" s="99"/>
      <c r="B673" s="102"/>
      <c r="C673" s="105"/>
      <c r="D673" s="108"/>
      <c r="E673" s="105"/>
      <c r="F673" s="105"/>
      <c r="G673" s="12"/>
      <c r="H673" s="13" t="s">
        <v>215</v>
      </c>
      <c r="I673" s="77">
        <v>0.30040764552471533</v>
      </c>
      <c r="J673" s="64">
        <v>0.25309827887661274</v>
      </c>
      <c r="K673" s="18">
        <v>0.25312644065890821</v>
      </c>
      <c r="L673" s="128"/>
      <c r="M673" s="105"/>
      <c r="N673" s="119"/>
    </row>
    <row r="674" spans="1:14" ht="16.95" customHeight="1" x14ac:dyDescent="0.2">
      <c r="A674" s="99"/>
      <c r="B674" s="102"/>
      <c r="C674" s="105"/>
      <c r="D674" s="108"/>
      <c r="E674" s="105"/>
      <c r="F674" s="105"/>
      <c r="G674" s="12"/>
      <c r="H674" s="19"/>
      <c r="I674" s="78"/>
      <c r="J674" s="65"/>
      <c r="K674" s="6"/>
      <c r="L674" s="128"/>
      <c r="M674" s="105"/>
      <c r="N674" s="119"/>
    </row>
    <row r="675" spans="1:14" ht="16.95" customHeight="1" x14ac:dyDescent="0.2">
      <c r="A675" s="99"/>
      <c r="B675" s="102"/>
      <c r="C675" s="105"/>
      <c r="D675" s="108"/>
      <c r="E675" s="105"/>
      <c r="F675" s="105"/>
      <c r="G675" s="12"/>
      <c r="H675" s="19"/>
      <c r="I675" s="78"/>
      <c r="J675" s="65"/>
      <c r="K675" s="6"/>
      <c r="L675" s="128"/>
      <c r="M675" s="105"/>
      <c r="N675" s="119"/>
    </row>
    <row r="676" spans="1:14" ht="16.95" customHeight="1" thickBot="1" x14ac:dyDescent="0.25">
      <c r="A676" s="100"/>
      <c r="B676" s="103"/>
      <c r="C676" s="106"/>
      <c r="D676" s="109"/>
      <c r="E676" s="106"/>
      <c r="F676" s="106"/>
      <c r="G676" s="21"/>
      <c r="H676" s="22"/>
      <c r="I676" s="79"/>
      <c r="J676" s="66"/>
      <c r="K676" s="7"/>
      <c r="L676" s="129"/>
      <c r="M676" s="106"/>
      <c r="N676" s="120"/>
    </row>
    <row r="677" spans="1:14" ht="16.95" customHeight="1" thickTop="1" x14ac:dyDescent="0.2">
      <c r="A677" s="98">
        <v>57</v>
      </c>
      <c r="B677" s="101" t="s">
        <v>120</v>
      </c>
      <c r="C677" s="104" t="s">
        <v>176</v>
      </c>
      <c r="D677" s="107" t="s">
        <v>177</v>
      </c>
      <c r="E677" s="104" t="s">
        <v>122</v>
      </c>
      <c r="F677" s="104" t="s">
        <v>178</v>
      </c>
      <c r="G677" s="8" t="s">
        <v>11</v>
      </c>
      <c r="H677" s="9"/>
      <c r="I677" s="72"/>
      <c r="J677" s="59"/>
      <c r="K677" s="4"/>
      <c r="L677" s="127" t="s">
        <v>292</v>
      </c>
      <c r="M677" s="134"/>
      <c r="N677" s="124" t="s">
        <v>390</v>
      </c>
    </row>
    <row r="678" spans="1:14" ht="16.95" customHeight="1" x14ac:dyDescent="0.2">
      <c r="A678" s="99"/>
      <c r="B678" s="102"/>
      <c r="C678" s="105"/>
      <c r="D678" s="108"/>
      <c r="E678" s="105"/>
      <c r="F678" s="105"/>
      <c r="G678" s="12">
        <v>8718</v>
      </c>
      <c r="H678" s="10" t="s">
        <v>210</v>
      </c>
      <c r="I678" s="73">
        <v>463243</v>
      </c>
      <c r="J678" s="60">
        <v>462998</v>
      </c>
      <c r="K678" s="11">
        <v>458960</v>
      </c>
      <c r="L678" s="128"/>
      <c r="M678" s="105"/>
      <c r="N678" s="119"/>
    </row>
    <row r="679" spans="1:14" ht="16.95" customHeight="1" x14ac:dyDescent="0.2">
      <c r="A679" s="99"/>
      <c r="B679" s="102"/>
      <c r="C679" s="105"/>
      <c r="D679" s="108"/>
      <c r="E679" s="105"/>
      <c r="F679" s="105"/>
      <c r="G679" s="12"/>
      <c r="H679" s="13" t="s">
        <v>211</v>
      </c>
      <c r="I679" s="74">
        <v>13810</v>
      </c>
      <c r="J679" s="61">
        <v>12956</v>
      </c>
      <c r="K679" s="14">
        <v>13414</v>
      </c>
      <c r="L679" s="128"/>
      <c r="M679" s="105"/>
      <c r="N679" s="119"/>
    </row>
    <row r="680" spans="1:14" ht="16.95" customHeight="1" x14ac:dyDescent="0.2">
      <c r="A680" s="99"/>
      <c r="B680" s="102"/>
      <c r="C680" s="105"/>
      <c r="D680" s="108"/>
      <c r="E680" s="105"/>
      <c r="F680" s="105"/>
      <c r="G680" s="12" t="s">
        <v>12</v>
      </c>
      <c r="H680" s="13" t="s">
        <v>212</v>
      </c>
      <c r="I680" s="74">
        <v>99238</v>
      </c>
      <c r="J680" s="61">
        <v>103893</v>
      </c>
      <c r="K680" s="14">
        <v>99967</v>
      </c>
      <c r="L680" s="128"/>
      <c r="M680" s="105"/>
      <c r="N680" s="119"/>
    </row>
    <row r="681" spans="1:14" ht="16.95" customHeight="1" x14ac:dyDescent="0.2">
      <c r="A681" s="99"/>
      <c r="B681" s="102"/>
      <c r="C681" s="105"/>
      <c r="D681" s="108"/>
      <c r="E681" s="105"/>
      <c r="F681" s="105"/>
      <c r="G681" s="12">
        <v>99143</v>
      </c>
      <c r="H681" s="5"/>
      <c r="I681" s="83"/>
      <c r="J681" s="62"/>
      <c r="K681" s="15"/>
      <c r="L681" s="128"/>
      <c r="M681" s="105"/>
      <c r="N681" s="119"/>
    </row>
    <row r="682" spans="1:14" ht="16.95" customHeight="1" x14ac:dyDescent="0.2">
      <c r="A682" s="99"/>
      <c r="B682" s="102"/>
      <c r="C682" s="105"/>
      <c r="D682" s="108"/>
      <c r="E682" s="105"/>
      <c r="F682" s="105"/>
      <c r="G682" s="12"/>
      <c r="H682" s="5"/>
      <c r="I682" s="83"/>
      <c r="J682" s="62"/>
      <c r="K682" s="15"/>
      <c r="L682" s="128"/>
      <c r="M682" s="105"/>
      <c r="N682" s="119"/>
    </row>
    <row r="683" spans="1:14" ht="16.95" customHeight="1" x14ac:dyDescent="0.2">
      <c r="A683" s="99"/>
      <c r="B683" s="102"/>
      <c r="C683" s="105"/>
      <c r="D683" s="108"/>
      <c r="E683" s="105"/>
      <c r="F683" s="105"/>
      <c r="G683" s="25"/>
      <c r="H683" s="10" t="s">
        <v>213</v>
      </c>
      <c r="I683" s="76">
        <v>-85428</v>
      </c>
      <c r="J683" s="63">
        <v>-90937</v>
      </c>
      <c r="K683" s="16">
        <v>-86553</v>
      </c>
      <c r="L683" s="128"/>
      <c r="M683" s="105"/>
      <c r="N683" s="119"/>
    </row>
    <row r="684" spans="1:14" ht="16.95" customHeight="1" x14ac:dyDescent="0.2">
      <c r="A684" s="99"/>
      <c r="B684" s="102"/>
      <c r="C684" s="105"/>
      <c r="D684" s="108"/>
      <c r="E684" s="105"/>
      <c r="F684" s="105"/>
      <c r="G684" s="25"/>
      <c r="H684" s="13" t="s">
        <v>214</v>
      </c>
      <c r="I684" s="77">
        <v>0.21422449988450987</v>
      </c>
      <c r="J684" s="64">
        <v>0.22439189802115775</v>
      </c>
      <c r="K684" s="17">
        <v>0.21781200976119924</v>
      </c>
      <c r="L684" s="128"/>
      <c r="M684" s="105"/>
      <c r="N684" s="119"/>
    </row>
    <row r="685" spans="1:14" ht="16.95" customHeight="1" x14ac:dyDescent="0.2">
      <c r="A685" s="99"/>
      <c r="B685" s="102"/>
      <c r="C685" s="105"/>
      <c r="D685" s="108"/>
      <c r="E685" s="105"/>
      <c r="F685" s="105"/>
      <c r="G685" s="25"/>
      <c r="H685" s="13" t="s">
        <v>215</v>
      </c>
      <c r="I685" s="77">
        <v>0.18441293230550704</v>
      </c>
      <c r="J685" s="64">
        <v>0.19640905576265988</v>
      </c>
      <c r="K685" s="18">
        <v>0.18858506187903085</v>
      </c>
      <c r="L685" s="128"/>
      <c r="M685" s="105"/>
      <c r="N685" s="119"/>
    </row>
    <row r="686" spans="1:14" ht="16.95" customHeight="1" x14ac:dyDescent="0.2">
      <c r="A686" s="99"/>
      <c r="B686" s="102"/>
      <c r="C686" s="105"/>
      <c r="D686" s="108"/>
      <c r="E686" s="105"/>
      <c r="F686" s="105"/>
      <c r="G686" s="25"/>
      <c r="H686" s="19"/>
      <c r="I686" s="78"/>
      <c r="J686" s="65"/>
      <c r="K686" s="6"/>
      <c r="L686" s="128"/>
      <c r="M686" s="105"/>
      <c r="N686" s="119"/>
    </row>
    <row r="687" spans="1:14" ht="16.95" customHeight="1" x14ac:dyDescent="0.2">
      <c r="A687" s="99"/>
      <c r="B687" s="102"/>
      <c r="C687" s="105"/>
      <c r="D687" s="108"/>
      <c r="E687" s="105"/>
      <c r="F687" s="105"/>
      <c r="G687" s="25"/>
      <c r="H687" s="19"/>
      <c r="I687" s="78"/>
      <c r="J687" s="65"/>
      <c r="K687" s="6"/>
      <c r="L687" s="128"/>
      <c r="M687" s="105"/>
      <c r="N687" s="119"/>
    </row>
    <row r="688" spans="1:14" ht="16.95" customHeight="1" thickBot="1" x14ac:dyDescent="0.25">
      <c r="A688" s="100"/>
      <c r="B688" s="103"/>
      <c r="C688" s="106"/>
      <c r="D688" s="109"/>
      <c r="E688" s="106"/>
      <c r="F688" s="106"/>
      <c r="G688" s="26"/>
      <c r="H688" s="22"/>
      <c r="I688" s="79"/>
      <c r="J688" s="66"/>
      <c r="K688" s="7"/>
      <c r="L688" s="129"/>
      <c r="M688" s="106"/>
      <c r="N688" s="120"/>
    </row>
    <row r="689" spans="1:14" ht="16.95" customHeight="1" thickTop="1" x14ac:dyDescent="0.2">
      <c r="A689" s="98">
        <v>58</v>
      </c>
      <c r="B689" s="101" t="s">
        <v>120</v>
      </c>
      <c r="C689" s="104" t="s">
        <v>179</v>
      </c>
      <c r="D689" s="107" t="s">
        <v>45</v>
      </c>
      <c r="E689" s="104" t="s">
        <v>122</v>
      </c>
      <c r="F689" s="104" t="s">
        <v>228</v>
      </c>
      <c r="G689" s="8" t="s">
        <v>11</v>
      </c>
      <c r="H689" s="9"/>
      <c r="I689" s="72"/>
      <c r="J689" s="59"/>
      <c r="K689" s="4"/>
      <c r="L689" s="127" t="s">
        <v>293</v>
      </c>
      <c r="M689" s="134"/>
      <c r="N689" s="124" t="s">
        <v>391</v>
      </c>
    </row>
    <row r="690" spans="1:14" ht="16.95" customHeight="1" x14ac:dyDescent="0.2">
      <c r="A690" s="99"/>
      <c r="B690" s="102"/>
      <c r="C690" s="105"/>
      <c r="D690" s="108"/>
      <c r="E690" s="105"/>
      <c r="F690" s="105"/>
      <c r="G690" s="12">
        <v>307850</v>
      </c>
      <c r="H690" s="10" t="s">
        <v>210</v>
      </c>
      <c r="I690" s="73">
        <v>136560</v>
      </c>
      <c r="J690" s="60">
        <v>123315</v>
      </c>
      <c r="K690" s="11">
        <v>152417</v>
      </c>
      <c r="L690" s="128"/>
      <c r="M690" s="105"/>
      <c r="N690" s="119"/>
    </row>
    <row r="691" spans="1:14" ht="16.95" customHeight="1" x14ac:dyDescent="0.2">
      <c r="A691" s="99"/>
      <c r="B691" s="102"/>
      <c r="C691" s="105"/>
      <c r="D691" s="108"/>
      <c r="E691" s="105"/>
      <c r="F691" s="105"/>
      <c r="G691" s="12"/>
      <c r="H691" s="13" t="s">
        <v>211</v>
      </c>
      <c r="I691" s="74">
        <v>2563</v>
      </c>
      <c r="J691" s="61">
        <v>2881</v>
      </c>
      <c r="K691" s="14">
        <v>2974</v>
      </c>
      <c r="L691" s="128"/>
      <c r="M691" s="105"/>
      <c r="N691" s="119"/>
    </row>
    <row r="692" spans="1:14" ht="16.95" customHeight="1" x14ac:dyDescent="0.2">
      <c r="A692" s="99"/>
      <c r="B692" s="102"/>
      <c r="C692" s="105"/>
      <c r="D692" s="108"/>
      <c r="E692" s="105"/>
      <c r="F692" s="105"/>
      <c r="G692" s="12" t="s">
        <v>12</v>
      </c>
      <c r="H692" s="13" t="s">
        <v>212</v>
      </c>
      <c r="I692" s="74">
        <v>62762</v>
      </c>
      <c r="J692" s="61">
        <v>63707</v>
      </c>
      <c r="K692" s="14">
        <v>61449</v>
      </c>
      <c r="L692" s="128"/>
      <c r="M692" s="105"/>
      <c r="N692" s="119"/>
    </row>
    <row r="693" spans="1:14" ht="16.95" customHeight="1" x14ac:dyDescent="0.2">
      <c r="A693" s="99"/>
      <c r="B693" s="102"/>
      <c r="C693" s="105"/>
      <c r="D693" s="108"/>
      <c r="E693" s="105"/>
      <c r="F693" s="105"/>
      <c r="G693" s="12">
        <v>141664</v>
      </c>
      <c r="H693" s="5"/>
      <c r="I693" s="83"/>
      <c r="J693" s="62"/>
      <c r="K693" s="15"/>
      <c r="L693" s="128"/>
      <c r="M693" s="105"/>
      <c r="N693" s="119"/>
    </row>
    <row r="694" spans="1:14" ht="16.95" customHeight="1" x14ac:dyDescent="0.2">
      <c r="A694" s="99"/>
      <c r="B694" s="102"/>
      <c r="C694" s="105"/>
      <c r="D694" s="108"/>
      <c r="E694" s="105"/>
      <c r="F694" s="105"/>
      <c r="G694" s="12"/>
      <c r="H694" s="5"/>
      <c r="I694" s="83"/>
      <c r="J694" s="62"/>
      <c r="K694" s="15"/>
      <c r="L694" s="128"/>
      <c r="M694" s="105"/>
      <c r="N694" s="119"/>
    </row>
    <row r="695" spans="1:14" ht="16.95" customHeight="1" x14ac:dyDescent="0.2">
      <c r="A695" s="99"/>
      <c r="B695" s="102"/>
      <c r="C695" s="105"/>
      <c r="D695" s="108"/>
      <c r="E695" s="105"/>
      <c r="F695" s="105"/>
      <c r="G695" s="12"/>
      <c r="H695" s="10" t="s">
        <v>213</v>
      </c>
      <c r="I695" s="76">
        <v>-60199</v>
      </c>
      <c r="J695" s="63">
        <v>-60826</v>
      </c>
      <c r="K695" s="16">
        <v>-58475</v>
      </c>
      <c r="L695" s="128"/>
      <c r="M695" s="105"/>
      <c r="N695" s="119"/>
    </row>
    <row r="696" spans="1:14" ht="16.95" customHeight="1" x14ac:dyDescent="0.2">
      <c r="A696" s="99"/>
      <c r="B696" s="102"/>
      <c r="C696" s="105"/>
      <c r="D696" s="108"/>
      <c r="E696" s="105"/>
      <c r="F696" s="105"/>
      <c r="G696" s="12"/>
      <c r="H696" s="13" t="s">
        <v>214</v>
      </c>
      <c r="I696" s="77">
        <v>0.45959285295840657</v>
      </c>
      <c r="J696" s="64">
        <v>0.51662003811377366</v>
      </c>
      <c r="K696" s="17">
        <v>0.40316368908979971</v>
      </c>
      <c r="L696" s="128"/>
      <c r="M696" s="105"/>
      <c r="N696" s="119"/>
    </row>
    <row r="697" spans="1:14" ht="16.95" customHeight="1" x14ac:dyDescent="0.2">
      <c r="A697" s="99"/>
      <c r="B697" s="102"/>
      <c r="C697" s="105"/>
      <c r="D697" s="108"/>
      <c r="E697" s="105"/>
      <c r="F697" s="105"/>
      <c r="G697" s="12"/>
      <c r="H697" s="13" t="s">
        <v>215</v>
      </c>
      <c r="I697" s="77">
        <v>0.4408245459871119</v>
      </c>
      <c r="J697" s="64">
        <v>0.49325710578599524</v>
      </c>
      <c r="K697" s="18">
        <v>0.38365142995860041</v>
      </c>
      <c r="L697" s="128"/>
      <c r="M697" s="105"/>
      <c r="N697" s="119"/>
    </row>
    <row r="698" spans="1:14" ht="16.95" customHeight="1" x14ac:dyDescent="0.2">
      <c r="A698" s="99"/>
      <c r="B698" s="102"/>
      <c r="C698" s="105"/>
      <c r="D698" s="108"/>
      <c r="E698" s="105"/>
      <c r="F698" s="105"/>
      <c r="G698" s="12"/>
      <c r="H698" s="19"/>
      <c r="I698" s="78"/>
      <c r="J698" s="65"/>
      <c r="K698" s="6"/>
      <c r="L698" s="128"/>
      <c r="M698" s="105"/>
      <c r="N698" s="119"/>
    </row>
    <row r="699" spans="1:14" ht="16.95" customHeight="1" x14ac:dyDescent="0.2">
      <c r="A699" s="99"/>
      <c r="B699" s="102"/>
      <c r="C699" s="105"/>
      <c r="D699" s="108"/>
      <c r="E699" s="105"/>
      <c r="F699" s="105"/>
      <c r="G699" s="12"/>
      <c r="H699" s="19"/>
      <c r="I699" s="78"/>
      <c r="J699" s="65"/>
      <c r="K699" s="6"/>
      <c r="L699" s="128"/>
      <c r="M699" s="105"/>
      <c r="N699" s="119"/>
    </row>
    <row r="700" spans="1:14" ht="16.95" customHeight="1" thickBot="1" x14ac:dyDescent="0.25">
      <c r="A700" s="99"/>
      <c r="B700" s="103"/>
      <c r="C700" s="106"/>
      <c r="D700" s="109"/>
      <c r="E700" s="106"/>
      <c r="F700" s="106"/>
      <c r="G700" s="21"/>
      <c r="H700" s="22"/>
      <c r="I700" s="79"/>
      <c r="J700" s="66"/>
      <c r="K700" s="7"/>
      <c r="L700" s="129"/>
      <c r="M700" s="106"/>
      <c r="N700" s="120"/>
    </row>
    <row r="701" spans="1:14" ht="16.95" customHeight="1" thickTop="1" x14ac:dyDescent="0.2">
      <c r="A701" s="98">
        <v>59</v>
      </c>
      <c r="B701" s="101" t="s">
        <v>120</v>
      </c>
      <c r="C701" s="104" t="s">
        <v>180</v>
      </c>
      <c r="D701" s="107" t="s">
        <v>181</v>
      </c>
      <c r="E701" s="104" t="s">
        <v>122</v>
      </c>
      <c r="F701" s="104" t="s">
        <v>182</v>
      </c>
      <c r="G701" s="8" t="s">
        <v>11</v>
      </c>
      <c r="H701" s="9"/>
      <c r="I701" s="72"/>
      <c r="J701" s="59"/>
      <c r="K701" s="4"/>
      <c r="L701" s="127" t="s">
        <v>294</v>
      </c>
      <c r="M701" s="134"/>
      <c r="N701" s="124" t="s">
        <v>392</v>
      </c>
    </row>
    <row r="702" spans="1:14" ht="16.95" customHeight="1" x14ac:dyDescent="0.2">
      <c r="A702" s="99"/>
      <c r="B702" s="102"/>
      <c r="C702" s="105"/>
      <c r="D702" s="108"/>
      <c r="E702" s="105"/>
      <c r="F702" s="105"/>
      <c r="G702" s="46" t="s">
        <v>183</v>
      </c>
      <c r="H702" s="10" t="s">
        <v>210</v>
      </c>
      <c r="I702" s="73">
        <v>314336</v>
      </c>
      <c r="J702" s="60">
        <v>303127</v>
      </c>
      <c r="K702" s="11">
        <v>299927</v>
      </c>
      <c r="L702" s="128"/>
      <c r="M702" s="105"/>
      <c r="N702" s="119"/>
    </row>
    <row r="703" spans="1:14" ht="16.95" customHeight="1" x14ac:dyDescent="0.2">
      <c r="A703" s="99"/>
      <c r="B703" s="102"/>
      <c r="C703" s="105"/>
      <c r="D703" s="108"/>
      <c r="E703" s="105"/>
      <c r="F703" s="105"/>
      <c r="G703" s="12"/>
      <c r="H703" s="13" t="s">
        <v>211</v>
      </c>
      <c r="I703" s="74">
        <v>2965</v>
      </c>
      <c r="J703" s="61">
        <v>2952</v>
      </c>
      <c r="K703" s="14">
        <v>2745</v>
      </c>
      <c r="L703" s="128"/>
      <c r="M703" s="105"/>
      <c r="N703" s="119"/>
    </row>
    <row r="704" spans="1:14" ht="16.95" customHeight="1" x14ac:dyDescent="0.2">
      <c r="A704" s="99"/>
      <c r="B704" s="102"/>
      <c r="C704" s="105"/>
      <c r="D704" s="108"/>
      <c r="E704" s="105"/>
      <c r="F704" s="105"/>
      <c r="G704" s="12" t="s">
        <v>12</v>
      </c>
      <c r="H704" s="13" t="s">
        <v>212</v>
      </c>
      <c r="I704" s="74">
        <v>133833</v>
      </c>
      <c r="J704" s="61">
        <v>135168</v>
      </c>
      <c r="K704" s="14">
        <v>135385</v>
      </c>
      <c r="L704" s="128"/>
      <c r="M704" s="105"/>
      <c r="N704" s="119"/>
    </row>
    <row r="705" spans="1:14" ht="16.95" customHeight="1" x14ac:dyDescent="0.2">
      <c r="A705" s="99"/>
      <c r="B705" s="102"/>
      <c r="C705" s="105"/>
      <c r="D705" s="108"/>
      <c r="E705" s="105"/>
      <c r="F705" s="105"/>
      <c r="G705" s="12">
        <v>180612</v>
      </c>
      <c r="H705" s="5"/>
      <c r="I705" s="83"/>
      <c r="J705" s="62"/>
      <c r="K705" s="15"/>
      <c r="L705" s="128"/>
      <c r="M705" s="105"/>
      <c r="N705" s="119"/>
    </row>
    <row r="706" spans="1:14" ht="16.95" customHeight="1" x14ac:dyDescent="0.2">
      <c r="A706" s="99"/>
      <c r="B706" s="102"/>
      <c r="C706" s="105"/>
      <c r="D706" s="108"/>
      <c r="E706" s="105"/>
      <c r="F706" s="105"/>
      <c r="G706" s="12"/>
      <c r="H706" s="5"/>
      <c r="I706" s="83"/>
      <c r="J706" s="62"/>
      <c r="K706" s="15"/>
      <c r="L706" s="128"/>
      <c r="M706" s="105"/>
      <c r="N706" s="119"/>
    </row>
    <row r="707" spans="1:14" ht="16.95" customHeight="1" x14ac:dyDescent="0.2">
      <c r="A707" s="99"/>
      <c r="B707" s="102"/>
      <c r="C707" s="105"/>
      <c r="D707" s="108"/>
      <c r="E707" s="105"/>
      <c r="F707" s="105"/>
      <c r="G707" s="25"/>
      <c r="H707" s="10" t="s">
        <v>213</v>
      </c>
      <c r="I707" s="76">
        <v>-130868</v>
      </c>
      <c r="J707" s="63">
        <v>-132216</v>
      </c>
      <c r="K707" s="16">
        <v>-132640</v>
      </c>
      <c r="L707" s="128"/>
      <c r="M707" s="105"/>
      <c r="N707" s="119"/>
    </row>
    <row r="708" spans="1:14" ht="16.95" customHeight="1" x14ac:dyDescent="0.2">
      <c r="A708" s="99"/>
      <c r="B708" s="102"/>
      <c r="C708" s="105"/>
      <c r="D708" s="108"/>
      <c r="E708" s="105"/>
      <c r="F708" s="105"/>
      <c r="G708" s="25"/>
      <c r="H708" s="13" t="s">
        <v>214</v>
      </c>
      <c r="I708" s="77">
        <v>0.4257641504631986</v>
      </c>
      <c r="J708" s="64">
        <v>0.44591210944587584</v>
      </c>
      <c r="K708" s="17">
        <v>0.45139317233860238</v>
      </c>
      <c r="L708" s="128"/>
      <c r="M708" s="105"/>
      <c r="N708" s="119"/>
    </row>
    <row r="709" spans="1:14" ht="16.95" customHeight="1" x14ac:dyDescent="0.2">
      <c r="A709" s="99"/>
      <c r="B709" s="102"/>
      <c r="C709" s="105"/>
      <c r="D709" s="108"/>
      <c r="E709" s="105"/>
      <c r="F709" s="105"/>
      <c r="G709" s="25"/>
      <c r="H709" s="13" t="s">
        <v>215</v>
      </c>
      <c r="I709" s="77">
        <v>0.41633156876717908</v>
      </c>
      <c r="J709" s="64">
        <v>0.43617361699881568</v>
      </c>
      <c r="K709" s="18">
        <v>0.44224094529668884</v>
      </c>
      <c r="L709" s="128"/>
      <c r="M709" s="105"/>
      <c r="N709" s="119"/>
    </row>
    <row r="710" spans="1:14" ht="16.95" customHeight="1" x14ac:dyDescent="0.2">
      <c r="A710" s="99"/>
      <c r="B710" s="102"/>
      <c r="C710" s="105"/>
      <c r="D710" s="108"/>
      <c r="E710" s="105"/>
      <c r="F710" s="105"/>
      <c r="G710" s="25"/>
      <c r="H710" s="19"/>
      <c r="I710" s="78"/>
      <c r="J710" s="65"/>
      <c r="K710" s="6"/>
      <c r="L710" s="128"/>
      <c r="M710" s="105"/>
      <c r="N710" s="119"/>
    </row>
    <row r="711" spans="1:14" ht="16.95" customHeight="1" x14ac:dyDescent="0.2">
      <c r="A711" s="99"/>
      <c r="B711" s="102"/>
      <c r="C711" s="105"/>
      <c r="D711" s="108"/>
      <c r="E711" s="105"/>
      <c r="F711" s="105"/>
      <c r="G711" s="25"/>
      <c r="H711" s="19"/>
      <c r="I711" s="78"/>
      <c r="J711" s="65"/>
      <c r="K711" s="6"/>
      <c r="L711" s="128"/>
      <c r="M711" s="105"/>
      <c r="N711" s="119"/>
    </row>
    <row r="712" spans="1:14" ht="16.95" customHeight="1" thickBot="1" x14ac:dyDescent="0.25">
      <c r="A712" s="100"/>
      <c r="B712" s="103"/>
      <c r="C712" s="106"/>
      <c r="D712" s="109"/>
      <c r="E712" s="106"/>
      <c r="F712" s="106"/>
      <c r="G712" s="26"/>
      <c r="H712" s="22"/>
      <c r="I712" s="79"/>
      <c r="J712" s="66"/>
      <c r="K712" s="7"/>
      <c r="L712" s="129"/>
      <c r="M712" s="106"/>
      <c r="N712" s="120"/>
    </row>
    <row r="713" spans="1:14" ht="16.95" customHeight="1" thickTop="1" x14ac:dyDescent="0.2">
      <c r="A713" s="98">
        <v>60</v>
      </c>
      <c r="B713" s="101" t="s">
        <v>120</v>
      </c>
      <c r="C713" s="104" t="s">
        <v>239</v>
      </c>
      <c r="D713" s="107" t="s">
        <v>74</v>
      </c>
      <c r="E713" s="104" t="s">
        <v>122</v>
      </c>
      <c r="F713" s="104" t="s">
        <v>240</v>
      </c>
      <c r="G713" s="24" t="s">
        <v>11</v>
      </c>
      <c r="H713" s="9"/>
      <c r="I713" s="72"/>
      <c r="J713" s="59"/>
      <c r="K713" s="4"/>
      <c r="L713" s="127" t="s">
        <v>295</v>
      </c>
      <c r="M713" s="136"/>
      <c r="N713" s="124" t="s">
        <v>393</v>
      </c>
    </row>
    <row r="714" spans="1:14" ht="16.95" customHeight="1" x14ac:dyDescent="0.2">
      <c r="A714" s="99"/>
      <c r="B714" s="102"/>
      <c r="C714" s="105"/>
      <c r="D714" s="108"/>
      <c r="E714" s="105"/>
      <c r="F714" s="105"/>
      <c r="G714" s="25">
        <v>2894</v>
      </c>
      <c r="H714" s="10" t="s">
        <v>210</v>
      </c>
      <c r="I714" s="73">
        <v>34917</v>
      </c>
      <c r="J714" s="60">
        <v>35606</v>
      </c>
      <c r="K714" s="11">
        <v>37472</v>
      </c>
      <c r="L714" s="128"/>
      <c r="M714" s="135"/>
      <c r="N714" s="119"/>
    </row>
    <row r="715" spans="1:14" ht="16.95" customHeight="1" x14ac:dyDescent="0.2">
      <c r="A715" s="99"/>
      <c r="B715" s="102"/>
      <c r="C715" s="105"/>
      <c r="D715" s="108"/>
      <c r="E715" s="105"/>
      <c r="F715" s="105"/>
      <c r="G715" s="25"/>
      <c r="H715" s="13" t="s">
        <v>211</v>
      </c>
      <c r="I715" s="74">
        <v>0</v>
      </c>
      <c r="J715" s="61">
        <v>307</v>
      </c>
      <c r="K715" s="14">
        <v>267</v>
      </c>
      <c r="L715" s="128"/>
      <c r="M715" s="135"/>
      <c r="N715" s="119"/>
    </row>
    <row r="716" spans="1:14" ht="16.95" customHeight="1" x14ac:dyDescent="0.2">
      <c r="A716" s="99"/>
      <c r="B716" s="102"/>
      <c r="C716" s="105"/>
      <c r="D716" s="108"/>
      <c r="E716" s="105"/>
      <c r="F716" s="105"/>
      <c r="G716" s="25" t="s">
        <v>12</v>
      </c>
      <c r="H716" s="13" t="s">
        <v>212</v>
      </c>
      <c r="I716" s="74">
        <v>38158</v>
      </c>
      <c r="J716" s="61">
        <v>38318</v>
      </c>
      <c r="K716" s="14">
        <v>38355</v>
      </c>
      <c r="L716" s="128"/>
      <c r="M716" s="135"/>
      <c r="N716" s="119"/>
    </row>
    <row r="717" spans="1:14" ht="16.95" customHeight="1" x14ac:dyDescent="0.2">
      <c r="A717" s="99"/>
      <c r="B717" s="102"/>
      <c r="C717" s="105"/>
      <c r="D717" s="108"/>
      <c r="E717" s="105"/>
      <c r="F717" s="105"/>
      <c r="G717" s="32">
        <v>135228</v>
      </c>
      <c r="H717" s="5"/>
      <c r="I717" s="83"/>
      <c r="J717" s="62"/>
      <c r="K717" s="15"/>
      <c r="L717" s="128"/>
      <c r="M717" s="135"/>
      <c r="N717" s="119"/>
    </row>
    <row r="718" spans="1:14" ht="16.95" customHeight="1" x14ac:dyDescent="0.2">
      <c r="A718" s="99"/>
      <c r="B718" s="102"/>
      <c r="C718" s="105"/>
      <c r="D718" s="108"/>
      <c r="E718" s="105"/>
      <c r="F718" s="105"/>
      <c r="G718" s="25"/>
      <c r="H718" s="5"/>
      <c r="I718" s="83"/>
      <c r="J718" s="62"/>
      <c r="K718" s="15"/>
      <c r="L718" s="128"/>
      <c r="M718" s="135"/>
      <c r="N718" s="119"/>
    </row>
    <row r="719" spans="1:14" ht="16.95" customHeight="1" x14ac:dyDescent="0.2">
      <c r="A719" s="99"/>
      <c r="B719" s="102"/>
      <c r="C719" s="105"/>
      <c r="D719" s="108"/>
      <c r="E719" s="105"/>
      <c r="F719" s="105"/>
      <c r="G719" s="34"/>
      <c r="H719" s="10" t="s">
        <v>213</v>
      </c>
      <c r="I719" s="76">
        <v>-38158</v>
      </c>
      <c r="J719" s="63">
        <v>-38011</v>
      </c>
      <c r="K719" s="16">
        <v>-38088</v>
      </c>
      <c r="L719" s="128"/>
      <c r="M719" s="135"/>
      <c r="N719" s="119"/>
    </row>
    <row r="720" spans="1:14" ht="16.95" customHeight="1" x14ac:dyDescent="0.2">
      <c r="A720" s="99"/>
      <c r="B720" s="102"/>
      <c r="C720" s="105"/>
      <c r="D720" s="108"/>
      <c r="E720" s="105"/>
      <c r="F720" s="105"/>
      <c r="G720" s="34"/>
      <c r="H720" s="13" t="s">
        <v>214</v>
      </c>
      <c r="I720" s="77">
        <v>1.0928201162757396</v>
      </c>
      <c r="J720" s="64">
        <v>1.0761669381564904</v>
      </c>
      <c r="K720" s="17">
        <v>1.0235642613151152</v>
      </c>
      <c r="L720" s="128"/>
      <c r="M720" s="135"/>
      <c r="N720" s="119"/>
    </row>
    <row r="721" spans="1:14" ht="16.95" customHeight="1" x14ac:dyDescent="0.2">
      <c r="A721" s="99"/>
      <c r="B721" s="102"/>
      <c r="C721" s="105"/>
      <c r="D721" s="108"/>
      <c r="E721" s="105"/>
      <c r="F721" s="105"/>
      <c r="G721" s="34"/>
      <c r="H721" s="13" t="s">
        <v>215</v>
      </c>
      <c r="I721" s="77">
        <v>1.0928201162757396</v>
      </c>
      <c r="J721" s="64">
        <v>1.067544795820929</v>
      </c>
      <c r="K721" s="18">
        <v>1.0164389410760035</v>
      </c>
      <c r="L721" s="128"/>
      <c r="M721" s="135"/>
      <c r="N721" s="119"/>
    </row>
    <row r="722" spans="1:14" ht="16.95" customHeight="1" x14ac:dyDescent="0.2">
      <c r="A722" s="99"/>
      <c r="B722" s="102"/>
      <c r="C722" s="105"/>
      <c r="D722" s="108"/>
      <c r="E722" s="105"/>
      <c r="F722" s="105"/>
      <c r="G722" s="34"/>
      <c r="H722" s="19"/>
      <c r="I722" s="78"/>
      <c r="J722" s="65"/>
      <c r="K722" s="6"/>
      <c r="L722" s="128"/>
      <c r="M722" s="135"/>
      <c r="N722" s="119"/>
    </row>
    <row r="723" spans="1:14" ht="16.95" customHeight="1" x14ac:dyDescent="0.2">
      <c r="A723" s="99"/>
      <c r="B723" s="102"/>
      <c r="C723" s="105"/>
      <c r="D723" s="108"/>
      <c r="E723" s="105"/>
      <c r="F723" s="105"/>
      <c r="G723" s="34"/>
      <c r="H723" s="19"/>
      <c r="I723" s="78"/>
      <c r="J723" s="65"/>
      <c r="K723" s="6"/>
      <c r="L723" s="128"/>
      <c r="M723" s="135"/>
      <c r="N723" s="119"/>
    </row>
    <row r="724" spans="1:14" ht="16.95" customHeight="1" thickBot="1" x14ac:dyDescent="0.25">
      <c r="A724" s="99"/>
      <c r="B724" s="103"/>
      <c r="C724" s="106"/>
      <c r="D724" s="109"/>
      <c r="E724" s="106"/>
      <c r="F724" s="106"/>
      <c r="G724" s="47"/>
      <c r="H724" s="22"/>
      <c r="I724" s="79"/>
      <c r="J724" s="66"/>
      <c r="K724" s="7"/>
      <c r="L724" s="129"/>
      <c r="M724" s="137"/>
      <c r="N724" s="120"/>
    </row>
    <row r="725" spans="1:14" ht="16.95" customHeight="1" thickTop="1" x14ac:dyDescent="0.2">
      <c r="A725" s="98">
        <v>61</v>
      </c>
      <c r="B725" s="101" t="s">
        <v>120</v>
      </c>
      <c r="C725" s="104" t="s">
        <v>184</v>
      </c>
      <c r="D725" s="107" t="s">
        <v>93</v>
      </c>
      <c r="E725" s="104" t="s">
        <v>185</v>
      </c>
      <c r="F725" s="104" t="s">
        <v>186</v>
      </c>
      <c r="G725" s="24" t="s">
        <v>11</v>
      </c>
      <c r="H725" s="9"/>
      <c r="I725" s="72"/>
      <c r="J725" s="59"/>
      <c r="K725" s="4"/>
      <c r="L725" s="127" t="s">
        <v>324</v>
      </c>
      <c r="M725" s="136"/>
      <c r="N725" s="124" t="s">
        <v>394</v>
      </c>
    </row>
    <row r="726" spans="1:14" ht="16.95" customHeight="1" x14ac:dyDescent="0.2">
      <c r="A726" s="99"/>
      <c r="B726" s="102"/>
      <c r="C726" s="105"/>
      <c r="D726" s="108"/>
      <c r="E726" s="105"/>
      <c r="F726" s="105"/>
      <c r="G726" s="39" t="s">
        <v>84</v>
      </c>
      <c r="H726" s="10" t="s">
        <v>210</v>
      </c>
      <c r="I726" s="87">
        <v>52964</v>
      </c>
      <c r="J726" s="70">
        <v>52050</v>
      </c>
      <c r="K726" s="48">
        <v>53761</v>
      </c>
      <c r="L726" s="128"/>
      <c r="M726" s="135"/>
      <c r="N726" s="119"/>
    </row>
    <row r="727" spans="1:14" ht="16.95" customHeight="1" x14ac:dyDescent="0.2">
      <c r="A727" s="99"/>
      <c r="B727" s="102"/>
      <c r="C727" s="105"/>
      <c r="D727" s="108"/>
      <c r="E727" s="105"/>
      <c r="F727" s="105"/>
      <c r="G727" s="25"/>
      <c r="H727" s="13" t="s">
        <v>211</v>
      </c>
      <c r="I727" s="74">
        <v>63041</v>
      </c>
      <c r="J727" s="61">
        <v>63410</v>
      </c>
      <c r="K727" s="14">
        <v>63846</v>
      </c>
      <c r="L727" s="128"/>
      <c r="M727" s="135"/>
      <c r="N727" s="119"/>
    </row>
    <row r="728" spans="1:14" ht="16.95" customHeight="1" x14ac:dyDescent="0.2">
      <c r="A728" s="99"/>
      <c r="B728" s="102"/>
      <c r="C728" s="105"/>
      <c r="D728" s="108"/>
      <c r="E728" s="105"/>
      <c r="F728" s="105"/>
      <c r="G728" s="25" t="s">
        <v>12</v>
      </c>
      <c r="H728" s="13" t="s">
        <v>212</v>
      </c>
      <c r="I728" s="74">
        <v>80745</v>
      </c>
      <c r="J728" s="61">
        <v>78531</v>
      </c>
      <c r="K728" s="14">
        <v>63841</v>
      </c>
      <c r="L728" s="128"/>
      <c r="M728" s="135"/>
      <c r="N728" s="119"/>
    </row>
    <row r="729" spans="1:14" ht="16.95" customHeight="1" x14ac:dyDescent="0.2">
      <c r="A729" s="99"/>
      <c r="B729" s="102"/>
      <c r="C729" s="105"/>
      <c r="D729" s="108"/>
      <c r="E729" s="105"/>
      <c r="F729" s="105"/>
      <c r="G729" s="32" t="s">
        <v>187</v>
      </c>
      <c r="H729" s="5"/>
      <c r="I729" s="85"/>
      <c r="J729" s="62"/>
      <c r="K729" s="15"/>
      <c r="L729" s="128"/>
      <c r="M729" s="135"/>
      <c r="N729" s="119"/>
    </row>
    <row r="730" spans="1:14" ht="16.95" customHeight="1" x14ac:dyDescent="0.2">
      <c r="A730" s="99"/>
      <c r="B730" s="102"/>
      <c r="C730" s="105"/>
      <c r="D730" s="108"/>
      <c r="E730" s="105"/>
      <c r="F730" s="105"/>
      <c r="G730" s="25"/>
      <c r="H730" s="5"/>
      <c r="I730" s="83"/>
      <c r="J730" s="62"/>
      <c r="K730" s="15"/>
      <c r="L730" s="128"/>
      <c r="M730" s="135"/>
      <c r="N730" s="119"/>
    </row>
    <row r="731" spans="1:14" ht="16.95" customHeight="1" x14ac:dyDescent="0.2">
      <c r="A731" s="99"/>
      <c r="B731" s="102"/>
      <c r="C731" s="105"/>
      <c r="D731" s="108"/>
      <c r="E731" s="105"/>
      <c r="F731" s="105"/>
      <c r="G731" s="125" t="s">
        <v>188</v>
      </c>
      <c r="H731" s="10" t="s">
        <v>213</v>
      </c>
      <c r="I731" s="76">
        <v>-17704</v>
      </c>
      <c r="J731" s="63">
        <v>-15121</v>
      </c>
      <c r="K731" s="16">
        <v>5</v>
      </c>
      <c r="L731" s="128"/>
      <c r="M731" s="135"/>
      <c r="N731" s="119"/>
    </row>
    <row r="732" spans="1:14" ht="16.95" customHeight="1" x14ac:dyDescent="0.2">
      <c r="A732" s="99"/>
      <c r="B732" s="102"/>
      <c r="C732" s="105"/>
      <c r="D732" s="108"/>
      <c r="E732" s="105"/>
      <c r="F732" s="105"/>
      <c r="G732" s="125"/>
      <c r="H732" s="13" t="s">
        <v>241</v>
      </c>
      <c r="I732" s="77">
        <v>1.5245260931953779</v>
      </c>
      <c r="J732" s="64">
        <v>1.5087608069164264</v>
      </c>
      <c r="K732" s="17">
        <v>1.1874965123416603</v>
      </c>
      <c r="L732" s="128"/>
      <c r="M732" s="135"/>
      <c r="N732" s="119"/>
    </row>
    <row r="733" spans="1:14" ht="16.95" customHeight="1" x14ac:dyDescent="0.2">
      <c r="A733" s="99"/>
      <c r="B733" s="102"/>
      <c r="C733" s="105"/>
      <c r="D733" s="108"/>
      <c r="E733" s="105"/>
      <c r="F733" s="105"/>
      <c r="G733" s="125"/>
      <c r="H733" s="13" t="s">
        <v>242</v>
      </c>
      <c r="I733" s="91">
        <v>0</v>
      </c>
      <c r="J733" s="64">
        <v>0.29050912584053795</v>
      </c>
      <c r="K733" s="18">
        <v>-9.3004222391696576E-5</v>
      </c>
      <c r="L733" s="128"/>
      <c r="M733" s="135"/>
      <c r="N733" s="119"/>
    </row>
    <row r="734" spans="1:14" ht="16.95" customHeight="1" x14ac:dyDescent="0.2">
      <c r="A734" s="99"/>
      <c r="B734" s="102"/>
      <c r="C734" s="105"/>
      <c r="D734" s="108"/>
      <c r="E734" s="105"/>
      <c r="F734" s="105"/>
      <c r="G734" s="125"/>
      <c r="H734" s="19"/>
      <c r="I734" s="78"/>
      <c r="J734" s="65"/>
      <c r="K734" s="6"/>
      <c r="L734" s="128"/>
      <c r="M734" s="135"/>
      <c r="N734" s="119"/>
    </row>
    <row r="735" spans="1:14" ht="16.95" customHeight="1" x14ac:dyDescent="0.2">
      <c r="A735" s="99"/>
      <c r="B735" s="102"/>
      <c r="C735" s="105"/>
      <c r="D735" s="108"/>
      <c r="E735" s="105"/>
      <c r="F735" s="105"/>
      <c r="G735" s="125"/>
      <c r="H735" s="19"/>
      <c r="I735" s="78"/>
      <c r="J735" s="65"/>
      <c r="K735" s="6"/>
      <c r="L735" s="128"/>
      <c r="M735" s="135"/>
      <c r="N735" s="119"/>
    </row>
    <row r="736" spans="1:14" ht="16.95" customHeight="1" thickBot="1" x14ac:dyDescent="0.25">
      <c r="A736" s="99"/>
      <c r="B736" s="103"/>
      <c r="C736" s="106"/>
      <c r="D736" s="109"/>
      <c r="E736" s="106"/>
      <c r="F736" s="106"/>
      <c r="G736" s="147"/>
      <c r="H736" s="22"/>
      <c r="I736" s="79"/>
      <c r="J736" s="66"/>
      <c r="K736" s="7"/>
      <c r="L736" s="129"/>
      <c r="M736" s="137"/>
      <c r="N736" s="120"/>
    </row>
    <row r="737" spans="1:14" ht="16.95" customHeight="1" thickTop="1" x14ac:dyDescent="0.2">
      <c r="A737" s="98">
        <v>62</v>
      </c>
      <c r="B737" s="101" t="s">
        <v>120</v>
      </c>
      <c r="C737" s="104" t="s">
        <v>189</v>
      </c>
      <c r="D737" s="107" t="s">
        <v>102</v>
      </c>
      <c r="E737" s="104" t="s">
        <v>185</v>
      </c>
      <c r="F737" s="104" t="s">
        <v>190</v>
      </c>
      <c r="G737" s="24" t="s">
        <v>11</v>
      </c>
      <c r="H737" s="9"/>
      <c r="I737" s="72"/>
      <c r="J737" s="59"/>
      <c r="K737" s="4"/>
      <c r="L737" s="127" t="s">
        <v>325</v>
      </c>
      <c r="M737" s="136"/>
      <c r="N737" s="124" t="s">
        <v>395</v>
      </c>
    </row>
    <row r="738" spans="1:14" ht="16.95" customHeight="1" x14ac:dyDescent="0.2">
      <c r="A738" s="99"/>
      <c r="B738" s="102"/>
      <c r="C738" s="105"/>
      <c r="D738" s="108"/>
      <c r="E738" s="105"/>
      <c r="F738" s="105"/>
      <c r="G738" s="39" t="s">
        <v>84</v>
      </c>
      <c r="H738" s="10" t="s">
        <v>210</v>
      </c>
      <c r="I738" s="87">
        <v>137337</v>
      </c>
      <c r="J738" s="70">
        <v>128915</v>
      </c>
      <c r="K738" s="48">
        <v>125967</v>
      </c>
      <c r="L738" s="128"/>
      <c r="M738" s="135"/>
      <c r="N738" s="119"/>
    </row>
    <row r="739" spans="1:14" ht="16.95" customHeight="1" x14ac:dyDescent="0.2">
      <c r="A739" s="99"/>
      <c r="B739" s="102"/>
      <c r="C739" s="105"/>
      <c r="D739" s="108"/>
      <c r="E739" s="105"/>
      <c r="F739" s="105"/>
      <c r="G739" s="25"/>
      <c r="H739" s="13" t="s">
        <v>211</v>
      </c>
      <c r="I739" s="74">
        <v>164344</v>
      </c>
      <c r="J739" s="61">
        <v>151531</v>
      </c>
      <c r="K739" s="14">
        <v>151547</v>
      </c>
      <c r="L739" s="128"/>
      <c r="M739" s="135"/>
      <c r="N739" s="119"/>
    </row>
    <row r="740" spans="1:14" ht="16.95" customHeight="1" x14ac:dyDescent="0.2">
      <c r="A740" s="99"/>
      <c r="B740" s="102"/>
      <c r="C740" s="105"/>
      <c r="D740" s="108"/>
      <c r="E740" s="105"/>
      <c r="F740" s="105"/>
      <c r="G740" s="25" t="s">
        <v>12</v>
      </c>
      <c r="H740" s="13" t="s">
        <v>212</v>
      </c>
      <c r="I740" s="74">
        <v>169967</v>
      </c>
      <c r="J740" s="61">
        <v>173106</v>
      </c>
      <c r="K740" s="14">
        <v>151573</v>
      </c>
      <c r="L740" s="128"/>
      <c r="M740" s="135"/>
      <c r="N740" s="119"/>
    </row>
    <row r="741" spans="1:14" ht="16.95" customHeight="1" x14ac:dyDescent="0.2">
      <c r="A741" s="99"/>
      <c r="B741" s="102"/>
      <c r="C741" s="105"/>
      <c r="D741" s="108"/>
      <c r="E741" s="105"/>
      <c r="F741" s="105"/>
      <c r="G741" s="39" t="s">
        <v>191</v>
      </c>
      <c r="H741" s="5"/>
      <c r="I741" s="83"/>
      <c r="J741" s="62"/>
      <c r="K741" s="15"/>
      <c r="L741" s="128"/>
      <c r="M741" s="135"/>
      <c r="N741" s="119"/>
    </row>
    <row r="742" spans="1:14" ht="16.95" customHeight="1" x14ac:dyDescent="0.2">
      <c r="A742" s="99"/>
      <c r="B742" s="102"/>
      <c r="C742" s="105"/>
      <c r="D742" s="108"/>
      <c r="E742" s="105"/>
      <c r="F742" s="105"/>
      <c r="G742" s="25"/>
      <c r="H742" s="5"/>
      <c r="I742" s="83"/>
      <c r="J742" s="62"/>
      <c r="K742" s="15"/>
      <c r="L742" s="128"/>
      <c r="M742" s="135"/>
      <c r="N742" s="119"/>
    </row>
    <row r="743" spans="1:14" ht="16.95" customHeight="1" x14ac:dyDescent="0.2">
      <c r="A743" s="99"/>
      <c r="B743" s="102"/>
      <c r="C743" s="105"/>
      <c r="D743" s="108"/>
      <c r="E743" s="105"/>
      <c r="F743" s="105"/>
      <c r="G743" s="125" t="s">
        <v>188</v>
      </c>
      <c r="H743" s="10" t="s">
        <v>213</v>
      </c>
      <c r="I743" s="76">
        <v>-5623</v>
      </c>
      <c r="J743" s="63">
        <v>-21575</v>
      </c>
      <c r="K743" s="16">
        <v>-26</v>
      </c>
      <c r="L743" s="128"/>
      <c r="M743" s="135"/>
      <c r="N743" s="119"/>
    </row>
    <row r="744" spans="1:14" ht="16.95" customHeight="1" x14ac:dyDescent="0.2">
      <c r="A744" s="99"/>
      <c r="B744" s="102"/>
      <c r="C744" s="105"/>
      <c r="D744" s="108"/>
      <c r="E744" s="105"/>
      <c r="F744" s="105"/>
      <c r="G744" s="125"/>
      <c r="H744" s="13" t="s">
        <v>243</v>
      </c>
      <c r="I744" s="77">
        <v>1.2375907439364482</v>
      </c>
      <c r="J744" s="64">
        <v>1.34279176201373</v>
      </c>
      <c r="K744" s="17">
        <v>1.2032754610334453</v>
      </c>
      <c r="L744" s="128"/>
      <c r="M744" s="135"/>
      <c r="N744" s="119"/>
    </row>
    <row r="745" spans="1:14" ht="16.95" customHeight="1" x14ac:dyDescent="0.2">
      <c r="A745" s="99"/>
      <c r="B745" s="102"/>
      <c r="C745" s="105"/>
      <c r="D745" s="108"/>
      <c r="E745" s="105"/>
      <c r="F745" s="105"/>
      <c r="G745" s="125"/>
      <c r="H745" s="13" t="s">
        <v>242</v>
      </c>
      <c r="I745" s="91">
        <v>4.0943081616752953E-2</v>
      </c>
      <c r="J745" s="64">
        <v>0.16735833688864757</v>
      </c>
      <c r="K745" s="18">
        <v>2.0640326434701151E-4</v>
      </c>
      <c r="L745" s="128"/>
      <c r="M745" s="135"/>
      <c r="N745" s="119"/>
    </row>
    <row r="746" spans="1:14" ht="16.95" customHeight="1" x14ac:dyDescent="0.2">
      <c r="A746" s="99"/>
      <c r="B746" s="102"/>
      <c r="C746" s="105"/>
      <c r="D746" s="108"/>
      <c r="E746" s="105"/>
      <c r="F746" s="105"/>
      <c r="G746" s="125"/>
      <c r="H746" s="19"/>
      <c r="I746" s="78"/>
      <c r="J746" s="65"/>
      <c r="K746" s="6"/>
      <c r="L746" s="128"/>
      <c r="M746" s="135"/>
      <c r="N746" s="119"/>
    </row>
    <row r="747" spans="1:14" ht="16.95" customHeight="1" x14ac:dyDescent="0.2">
      <c r="A747" s="99"/>
      <c r="B747" s="102"/>
      <c r="C747" s="105"/>
      <c r="D747" s="108"/>
      <c r="E747" s="105"/>
      <c r="F747" s="105"/>
      <c r="G747" s="125"/>
      <c r="H747" s="19"/>
      <c r="I747" s="78"/>
      <c r="J747" s="65"/>
      <c r="K747" s="6"/>
      <c r="L747" s="128"/>
      <c r="M747" s="135"/>
      <c r="N747" s="119"/>
    </row>
    <row r="748" spans="1:14" ht="16.95" customHeight="1" thickBot="1" x14ac:dyDescent="0.25">
      <c r="A748" s="100"/>
      <c r="B748" s="103"/>
      <c r="C748" s="106"/>
      <c r="D748" s="109"/>
      <c r="E748" s="106"/>
      <c r="F748" s="106"/>
      <c r="G748" s="147"/>
      <c r="H748" s="22"/>
      <c r="I748" s="79"/>
      <c r="J748" s="66"/>
      <c r="K748" s="7"/>
      <c r="L748" s="129"/>
      <c r="M748" s="137"/>
      <c r="N748" s="120"/>
    </row>
    <row r="749" spans="1:14" ht="16.95" customHeight="1" thickTop="1" thickBot="1" x14ac:dyDescent="0.25">
      <c r="A749" s="98">
        <v>63</v>
      </c>
      <c r="B749" s="101" t="s">
        <v>120</v>
      </c>
      <c r="C749" s="104" t="s">
        <v>192</v>
      </c>
      <c r="D749" s="107" t="s">
        <v>102</v>
      </c>
      <c r="E749" s="104" t="s">
        <v>193</v>
      </c>
      <c r="F749" s="104" t="s">
        <v>194</v>
      </c>
      <c r="G749" s="8" t="s">
        <v>11</v>
      </c>
      <c r="H749" s="9"/>
      <c r="I749" s="72"/>
      <c r="J749" s="59"/>
      <c r="K749" s="4"/>
      <c r="L749" s="127" t="s">
        <v>296</v>
      </c>
      <c r="M749" s="164"/>
      <c r="N749" s="166" t="s">
        <v>396</v>
      </c>
    </row>
    <row r="750" spans="1:14" ht="16.95" customHeight="1" thickTop="1" thickBot="1" x14ac:dyDescent="0.25">
      <c r="A750" s="99"/>
      <c r="B750" s="102"/>
      <c r="C750" s="105"/>
      <c r="D750" s="108"/>
      <c r="E750" s="105"/>
      <c r="F750" s="105"/>
      <c r="G750" s="12">
        <v>11054219</v>
      </c>
      <c r="H750" s="10" t="s">
        <v>210</v>
      </c>
      <c r="I750" s="73">
        <v>19296</v>
      </c>
      <c r="J750" s="60">
        <v>16132</v>
      </c>
      <c r="K750" s="11">
        <v>21129</v>
      </c>
      <c r="L750" s="128"/>
      <c r="M750" s="165"/>
      <c r="N750" s="166"/>
    </row>
    <row r="751" spans="1:14" ht="16.95" customHeight="1" thickTop="1" thickBot="1" x14ac:dyDescent="0.25">
      <c r="A751" s="99"/>
      <c r="B751" s="102"/>
      <c r="C751" s="105"/>
      <c r="D751" s="108"/>
      <c r="E751" s="105"/>
      <c r="F751" s="105"/>
      <c r="G751" s="12"/>
      <c r="H751" s="13" t="s">
        <v>211</v>
      </c>
      <c r="I751" s="74">
        <v>10035</v>
      </c>
      <c r="J751" s="61">
        <v>78330</v>
      </c>
      <c r="K751" s="14">
        <v>72425</v>
      </c>
      <c r="L751" s="128"/>
      <c r="M751" s="165"/>
      <c r="N751" s="166"/>
    </row>
    <row r="752" spans="1:14" ht="16.95" customHeight="1" thickTop="1" thickBot="1" x14ac:dyDescent="0.25">
      <c r="A752" s="99"/>
      <c r="B752" s="102"/>
      <c r="C752" s="105"/>
      <c r="D752" s="108"/>
      <c r="E752" s="105"/>
      <c r="F752" s="105"/>
      <c r="G752" s="12" t="s">
        <v>12</v>
      </c>
      <c r="H752" s="13" t="s">
        <v>212</v>
      </c>
      <c r="I752" s="74">
        <v>145747</v>
      </c>
      <c r="J752" s="61">
        <v>143700</v>
      </c>
      <c r="K752" s="14">
        <v>146595</v>
      </c>
      <c r="L752" s="128"/>
      <c r="M752" s="165"/>
      <c r="N752" s="166"/>
    </row>
    <row r="753" spans="1:14" ht="16.95" customHeight="1" thickTop="1" thickBot="1" x14ac:dyDescent="0.25">
      <c r="A753" s="99"/>
      <c r="B753" s="102"/>
      <c r="C753" s="105"/>
      <c r="D753" s="108"/>
      <c r="E753" s="105"/>
      <c r="F753" s="105"/>
      <c r="G753" s="12">
        <v>1906265</v>
      </c>
      <c r="H753" s="5"/>
      <c r="I753" s="83"/>
      <c r="J753" s="62"/>
      <c r="K753" s="15"/>
      <c r="L753" s="128"/>
      <c r="M753" s="165"/>
      <c r="N753" s="166"/>
    </row>
    <row r="754" spans="1:14" ht="16.95" customHeight="1" thickTop="1" thickBot="1" x14ac:dyDescent="0.25">
      <c r="A754" s="99"/>
      <c r="B754" s="102"/>
      <c r="C754" s="105"/>
      <c r="D754" s="108"/>
      <c r="E754" s="105"/>
      <c r="F754" s="105"/>
      <c r="G754" s="25"/>
      <c r="H754" s="5"/>
      <c r="I754" s="83"/>
      <c r="J754" s="62"/>
      <c r="K754" s="15"/>
      <c r="L754" s="128"/>
      <c r="M754" s="165"/>
      <c r="N754" s="166"/>
    </row>
    <row r="755" spans="1:14" ht="16.95" customHeight="1" thickTop="1" thickBot="1" x14ac:dyDescent="0.25">
      <c r="A755" s="99"/>
      <c r="B755" s="102"/>
      <c r="C755" s="105"/>
      <c r="D755" s="108"/>
      <c r="E755" s="105"/>
      <c r="F755" s="105"/>
      <c r="G755" s="25"/>
      <c r="H755" s="10" t="s">
        <v>213</v>
      </c>
      <c r="I755" s="76">
        <v>-135712</v>
      </c>
      <c r="J755" s="63">
        <v>-65370</v>
      </c>
      <c r="K755" s="16">
        <v>-74170</v>
      </c>
      <c r="L755" s="128"/>
      <c r="M755" s="165"/>
      <c r="N755" s="166"/>
    </row>
    <row r="756" spans="1:14" ht="16.95" customHeight="1" thickTop="1" thickBot="1" x14ac:dyDescent="0.25">
      <c r="A756" s="99"/>
      <c r="B756" s="102"/>
      <c r="C756" s="105"/>
      <c r="D756" s="108"/>
      <c r="E756" s="105"/>
      <c r="F756" s="105"/>
      <c r="G756" s="25"/>
      <c r="H756" s="13" t="s">
        <v>214</v>
      </c>
      <c r="I756" s="77">
        <v>7.5532234660033168</v>
      </c>
      <c r="J756" s="64">
        <v>8.9077609719811548</v>
      </c>
      <c r="K756" s="17">
        <v>6.9380945619764303</v>
      </c>
      <c r="L756" s="128"/>
      <c r="M756" s="165"/>
      <c r="N756" s="166"/>
    </row>
    <row r="757" spans="1:14" ht="16.95" customHeight="1" thickTop="1" thickBot="1" x14ac:dyDescent="0.25">
      <c r="A757" s="99"/>
      <c r="B757" s="102"/>
      <c r="C757" s="105"/>
      <c r="D757" s="108"/>
      <c r="E757" s="105"/>
      <c r="F757" s="105"/>
      <c r="G757" s="25"/>
      <c r="H757" s="13" t="s">
        <v>215</v>
      </c>
      <c r="I757" s="77">
        <v>7.0331674958540633</v>
      </c>
      <c r="J757" s="64">
        <v>4.0521943962310933</v>
      </c>
      <c r="K757" s="18">
        <v>3.5103412371621943</v>
      </c>
      <c r="L757" s="128"/>
      <c r="M757" s="165"/>
      <c r="N757" s="166"/>
    </row>
    <row r="758" spans="1:14" ht="16.95" customHeight="1" thickTop="1" thickBot="1" x14ac:dyDescent="0.25">
      <c r="A758" s="99"/>
      <c r="B758" s="102"/>
      <c r="C758" s="105"/>
      <c r="D758" s="108"/>
      <c r="E758" s="105"/>
      <c r="F758" s="105"/>
      <c r="G758" s="25"/>
      <c r="H758" s="19"/>
      <c r="I758" s="78"/>
      <c r="J758" s="65"/>
      <c r="K758" s="6"/>
      <c r="L758" s="128"/>
      <c r="M758" s="165"/>
      <c r="N758" s="166"/>
    </row>
    <row r="759" spans="1:14" ht="16.95" customHeight="1" thickTop="1" thickBot="1" x14ac:dyDescent="0.25">
      <c r="A759" s="99"/>
      <c r="B759" s="102"/>
      <c r="C759" s="105"/>
      <c r="D759" s="108"/>
      <c r="E759" s="105"/>
      <c r="F759" s="105"/>
      <c r="G759" s="25"/>
      <c r="H759" s="19"/>
      <c r="I759" s="78"/>
      <c r="J759" s="65"/>
      <c r="K759" s="6"/>
      <c r="L759" s="128"/>
      <c r="M759" s="165"/>
      <c r="N759" s="166"/>
    </row>
    <row r="760" spans="1:14" ht="16.95" customHeight="1" thickTop="1" thickBot="1" x14ac:dyDescent="0.25">
      <c r="A760" s="99"/>
      <c r="B760" s="103"/>
      <c r="C760" s="106"/>
      <c r="D760" s="109"/>
      <c r="E760" s="106"/>
      <c r="F760" s="106"/>
      <c r="G760" s="26"/>
      <c r="H760" s="22"/>
      <c r="I760" s="79"/>
      <c r="J760" s="66"/>
      <c r="K760" s="7"/>
      <c r="L760" s="129"/>
      <c r="M760" s="165"/>
      <c r="N760" s="166"/>
    </row>
    <row r="761" spans="1:14" ht="16.95" customHeight="1" thickTop="1" thickBot="1" x14ac:dyDescent="0.25">
      <c r="A761" s="98">
        <v>64</v>
      </c>
      <c r="B761" s="101" t="s">
        <v>120</v>
      </c>
      <c r="C761" s="104" t="s">
        <v>195</v>
      </c>
      <c r="D761" s="107" t="s">
        <v>138</v>
      </c>
      <c r="E761" s="104" t="s">
        <v>193</v>
      </c>
      <c r="F761" s="104" t="s">
        <v>343</v>
      </c>
      <c r="G761" s="8" t="s">
        <v>11</v>
      </c>
      <c r="H761" s="9"/>
      <c r="I761" s="72"/>
      <c r="J761" s="59"/>
      <c r="K761" s="4"/>
      <c r="L761" s="127" t="s">
        <v>297</v>
      </c>
      <c r="M761" s="164"/>
      <c r="N761" s="166" t="s">
        <v>397</v>
      </c>
    </row>
    <row r="762" spans="1:14" ht="16.95" customHeight="1" thickTop="1" thickBot="1" x14ac:dyDescent="0.25">
      <c r="A762" s="99"/>
      <c r="B762" s="102"/>
      <c r="C762" s="105"/>
      <c r="D762" s="108"/>
      <c r="E762" s="105"/>
      <c r="F762" s="105"/>
      <c r="G762" s="12">
        <v>2429828</v>
      </c>
      <c r="H762" s="10" t="s">
        <v>210</v>
      </c>
      <c r="I762" s="73">
        <v>18464</v>
      </c>
      <c r="J762" s="60">
        <v>17467</v>
      </c>
      <c r="K762" s="11">
        <v>19648</v>
      </c>
      <c r="L762" s="128"/>
      <c r="M762" s="165"/>
      <c r="N762" s="166"/>
    </row>
    <row r="763" spans="1:14" ht="16.95" customHeight="1" thickTop="1" thickBot="1" x14ac:dyDescent="0.25">
      <c r="A763" s="99"/>
      <c r="B763" s="102"/>
      <c r="C763" s="105"/>
      <c r="D763" s="108"/>
      <c r="E763" s="105"/>
      <c r="F763" s="105"/>
      <c r="G763" s="12"/>
      <c r="H763" s="13" t="s">
        <v>211</v>
      </c>
      <c r="I763" s="74">
        <v>32181</v>
      </c>
      <c r="J763" s="61">
        <v>26176</v>
      </c>
      <c r="K763" s="14">
        <v>26045</v>
      </c>
      <c r="L763" s="128"/>
      <c r="M763" s="165"/>
      <c r="N763" s="166"/>
    </row>
    <row r="764" spans="1:14" ht="16.95" customHeight="1" thickTop="1" thickBot="1" x14ac:dyDescent="0.25">
      <c r="A764" s="99"/>
      <c r="B764" s="102"/>
      <c r="C764" s="105"/>
      <c r="D764" s="108"/>
      <c r="E764" s="105"/>
      <c r="F764" s="105"/>
      <c r="G764" s="12" t="s">
        <v>12</v>
      </c>
      <c r="H764" s="13" t="s">
        <v>212</v>
      </c>
      <c r="I764" s="74">
        <v>75456</v>
      </c>
      <c r="J764" s="61">
        <v>72096</v>
      </c>
      <c r="K764" s="14">
        <v>71745</v>
      </c>
      <c r="L764" s="128"/>
      <c r="M764" s="165"/>
      <c r="N764" s="166"/>
    </row>
    <row r="765" spans="1:14" ht="16.95" customHeight="1" thickTop="1" thickBot="1" x14ac:dyDescent="0.25">
      <c r="A765" s="99"/>
      <c r="B765" s="102"/>
      <c r="C765" s="105"/>
      <c r="D765" s="108"/>
      <c r="E765" s="105"/>
      <c r="F765" s="105"/>
      <c r="G765" s="12">
        <v>317308</v>
      </c>
      <c r="H765" s="5"/>
      <c r="I765" s="83"/>
      <c r="J765" s="62"/>
      <c r="K765" s="15"/>
      <c r="L765" s="128"/>
      <c r="M765" s="165"/>
      <c r="N765" s="166"/>
    </row>
    <row r="766" spans="1:14" ht="16.95" customHeight="1" thickTop="1" thickBot="1" x14ac:dyDescent="0.25">
      <c r="A766" s="99"/>
      <c r="B766" s="102"/>
      <c r="C766" s="105"/>
      <c r="D766" s="108"/>
      <c r="E766" s="105"/>
      <c r="F766" s="105"/>
      <c r="G766" s="12"/>
      <c r="H766" s="5"/>
      <c r="I766" s="83"/>
      <c r="J766" s="62"/>
      <c r="K766" s="15"/>
      <c r="L766" s="128"/>
      <c r="M766" s="165"/>
      <c r="N766" s="166"/>
    </row>
    <row r="767" spans="1:14" ht="16.95" customHeight="1" thickTop="1" thickBot="1" x14ac:dyDescent="0.25">
      <c r="A767" s="99"/>
      <c r="B767" s="102"/>
      <c r="C767" s="105"/>
      <c r="D767" s="108"/>
      <c r="E767" s="105"/>
      <c r="F767" s="105"/>
      <c r="G767" s="12"/>
      <c r="H767" s="10" t="s">
        <v>213</v>
      </c>
      <c r="I767" s="76">
        <v>-43275</v>
      </c>
      <c r="J767" s="63">
        <v>-45920</v>
      </c>
      <c r="K767" s="16">
        <v>-45700</v>
      </c>
      <c r="L767" s="128"/>
      <c r="M767" s="165"/>
      <c r="N767" s="166"/>
    </row>
    <row r="768" spans="1:14" ht="16.95" customHeight="1" thickTop="1" thickBot="1" x14ac:dyDescent="0.25">
      <c r="A768" s="99"/>
      <c r="B768" s="102"/>
      <c r="C768" s="105"/>
      <c r="D768" s="108"/>
      <c r="E768" s="105"/>
      <c r="F768" s="105"/>
      <c r="G768" s="12"/>
      <c r="H768" s="13" t="s">
        <v>214</v>
      </c>
      <c r="I768" s="77">
        <v>4.0866551126516466</v>
      </c>
      <c r="J768" s="64">
        <v>4.1275548176561516</v>
      </c>
      <c r="K768" s="17">
        <v>3.6515166938110748</v>
      </c>
      <c r="L768" s="128"/>
      <c r="M768" s="165"/>
      <c r="N768" s="166"/>
    </row>
    <row r="769" spans="1:14" ht="16.95" customHeight="1" thickTop="1" thickBot="1" x14ac:dyDescent="0.25">
      <c r="A769" s="99"/>
      <c r="B769" s="102"/>
      <c r="C769" s="105"/>
      <c r="D769" s="108"/>
      <c r="E769" s="105"/>
      <c r="F769" s="105"/>
      <c r="G769" s="12"/>
      <c r="H769" s="13" t="s">
        <v>215</v>
      </c>
      <c r="I769" s="77">
        <v>2.34375</v>
      </c>
      <c r="J769" s="64">
        <v>2.6289574626438426</v>
      </c>
      <c r="K769" s="18">
        <v>2.3259364820846904</v>
      </c>
      <c r="L769" s="128"/>
      <c r="M769" s="165"/>
      <c r="N769" s="166"/>
    </row>
    <row r="770" spans="1:14" ht="16.95" customHeight="1" thickTop="1" thickBot="1" x14ac:dyDescent="0.25">
      <c r="A770" s="99"/>
      <c r="B770" s="102"/>
      <c r="C770" s="105"/>
      <c r="D770" s="108"/>
      <c r="E770" s="105"/>
      <c r="F770" s="105"/>
      <c r="G770" s="12"/>
      <c r="H770" s="19"/>
      <c r="I770" s="78"/>
      <c r="J770" s="65"/>
      <c r="K770" s="6"/>
      <c r="L770" s="128"/>
      <c r="M770" s="165"/>
      <c r="N770" s="166"/>
    </row>
    <row r="771" spans="1:14" ht="16.95" customHeight="1" thickTop="1" thickBot="1" x14ac:dyDescent="0.25">
      <c r="A771" s="99"/>
      <c r="B771" s="102"/>
      <c r="C771" s="105"/>
      <c r="D771" s="108"/>
      <c r="E771" s="105"/>
      <c r="F771" s="105"/>
      <c r="G771" s="12"/>
      <c r="H771" s="19"/>
      <c r="I771" s="78"/>
      <c r="J771" s="65"/>
      <c r="K771" s="6"/>
      <c r="L771" s="128"/>
      <c r="M771" s="165"/>
      <c r="N771" s="166"/>
    </row>
    <row r="772" spans="1:14" ht="16.95" customHeight="1" thickTop="1" thickBot="1" x14ac:dyDescent="0.25">
      <c r="A772" s="100"/>
      <c r="B772" s="103"/>
      <c r="C772" s="106"/>
      <c r="D772" s="109"/>
      <c r="E772" s="106"/>
      <c r="F772" s="106"/>
      <c r="G772" s="21"/>
      <c r="H772" s="22"/>
      <c r="I772" s="79"/>
      <c r="J772" s="66"/>
      <c r="K772" s="7"/>
      <c r="L772" s="129"/>
      <c r="M772" s="165"/>
      <c r="N772" s="166"/>
    </row>
    <row r="773" spans="1:14" ht="16.95" customHeight="1" thickTop="1" thickBot="1" x14ac:dyDescent="0.25">
      <c r="A773" s="98">
        <v>65</v>
      </c>
      <c r="B773" s="101" t="s">
        <v>120</v>
      </c>
      <c r="C773" s="104" t="s">
        <v>196</v>
      </c>
      <c r="D773" s="107" t="s">
        <v>164</v>
      </c>
      <c r="E773" s="104" t="s">
        <v>197</v>
      </c>
      <c r="F773" s="104" t="s">
        <v>198</v>
      </c>
      <c r="G773" s="8" t="s">
        <v>11</v>
      </c>
      <c r="H773" s="9"/>
      <c r="I773" s="72"/>
      <c r="J773" s="59"/>
      <c r="K773" s="4"/>
      <c r="L773" s="127" t="s">
        <v>298</v>
      </c>
      <c r="M773" s="171" t="s">
        <v>299</v>
      </c>
      <c r="N773" s="166" t="s">
        <v>398</v>
      </c>
    </row>
    <row r="774" spans="1:14" ht="16.95" customHeight="1" thickTop="1" thickBot="1" x14ac:dyDescent="0.25">
      <c r="A774" s="99"/>
      <c r="B774" s="102"/>
      <c r="C774" s="105"/>
      <c r="D774" s="108"/>
      <c r="E774" s="105"/>
      <c r="F774" s="105"/>
      <c r="G774" s="12">
        <v>1846358</v>
      </c>
      <c r="H774" s="10" t="s">
        <v>210</v>
      </c>
      <c r="I774" s="73">
        <v>159132</v>
      </c>
      <c r="J774" s="60">
        <v>174786</v>
      </c>
      <c r="K774" s="11">
        <v>165526</v>
      </c>
      <c r="L774" s="128"/>
      <c r="M774" s="165"/>
      <c r="N774" s="166"/>
    </row>
    <row r="775" spans="1:14" ht="16.95" customHeight="1" thickTop="1" thickBot="1" x14ac:dyDescent="0.25">
      <c r="A775" s="99"/>
      <c r="B775" s="102"/>
      <c r="C775" s="105"/>
      <c r="D775" s="108"/>
      <c r="E775" s="105"/>
      <c r="F775" s="105"/>
      <c r="G775" s="12"/>
      <c r="H775" s="13" t="s">
        <v>211</v>
      </c>
      <c r="I775" s="74">
        <v>86817</v>
      </c>
      <c r="J775" s="61">
        <v>97856</v>
      </c>
      <c r="K775" s="14">
        <v>88447</v>
      </c>
      <c r="L775" s="128"/>
      <c r="M775" s="165"/>
      <c r="N775" s="166"/>
    </row>
    <row r="776" spans="1:14" ht="16.95" customHeight="1" thickTop="1" thickBot="1" x14ac:dyDescent="0.25">
      <c r="A776" s="99"/>
      <c r="B776" s="102"/>
      <c r="C776" s="105"/>
      <c r="D776" s="108"/>
      <c r="E776" s="105"/>
      <c r="F776" s="105"/>
      <c r="G776" s="12" t="s">
        <v>12</v>
      </c>
      <c r="H776" s="13" t="s">
        <v>212</v>
      </c>
      <c r="I776" s="74">
        <v>77621</v>
      </c>
      <c r="J776" s="61">
        <v>78627</v>
      </c>
      <c r="K776" s="14">
        <v>87217</v>
      </c>
      <c r="L776" s="128"/>
      <c r="M776" s="165"/>
      <c r="N776" s="166"/>
    </row>
    <row r="777" spans="1:14" ht="16.95" customHeight="1" thickTop="1" thickBot="1" x14ac:dyDescent="0.25">
      <c r="A777" s="99"/>
      <c r="B777" s="102"/>
      <c r="C777" s="105"/>
      <c r="D777" s="108"/>
      <c r="E777" s="105"/>
      <c r="F777" s="105"/>
      <c r="G777" s="12">
        <v>30670</v>
      </c>
      <c r="H777" s="5"/>
      <c r="I777" s="83"/>
      <c r="J777" s="62"/>
      <c r="K777" s="15"/>
      <c r="L777" s="128"/>
      <c r="M777" s="165"/>
      <c r="N777" s="166"/>
    </row>
    <row r="778" spans="1:14" ht="16.95" customHeight="1" thickTop="1" thickBot="1" x14ac:dyDescent="0.25">
      <c r="A778" s="99"/>
      <c r="B778" s="102"/>
      <c r="C778" s="105"/>
      <c r="D778" s="108"/>
      <c r="E778" s="105"/>
      <c r="F778" s="105"/>
      <c r="G778" s="25"/>
      <c r="H778" s="5"/>
      <c r="I778" s="83"/>
      <c r="J778" s="62"/>
      <c r="K778" s="15"/>
      <c r="L778" s="128"/>
      <c r="M778" s="165"/>
      <c r="N778" s="166"/>
    </row>
    <row r="779" spans="1:14" ht="16.95" customHeight="1" thickTop="1" thickBot="1" x14ac:dyDescent="0.25">
      <c r="A779" s="99"/>
      <c r="B779" s="102"/>
      <c r="C779" s="105"/>
      <c r="D779" s="108"/>
      <c r="E779" s="105"/>
      <c r="F779" s="105"/>
      <c r="G779" s="25"/>
      <c r="H779" s="10" t="s">
        <v>213</v>
      </c>
      <c r="I779" s="76">
        <v>9196</v>
      </c>
      <c r="J779" s="63">
        <v>19229</v>
      </c>
      <c r="K779" s="16">
        <v>1230</v>
      </c>
      <c r="L779" s="128"/>
      <c r="M779" s="165"/>
      <c r="N779" s="166"/>
    </row>
    <row r="780" spans="1:14" ht="16.95" customHeight="1" thickTop="1" thickBot="1" x14ac:dyDescent="0.25">
      <c r="A780" s="99"/>
      <c r="B780" s="102"/>
      <c r="C780" s="105"/>
      <c r="D780" s="108"/>
      <c r="E780" s="105"/>
      <c r="F780" s="105"/>
      <c r="G780" s="25"/>
      <c r="H780" s="13" t="s">
        <v>214</v>
      </c>
      <c r="I780" s="77">
        <v>0.48777744262624739</v>
      </c>
      <c r="J780" s="64">
        <v>0.44984724176993579</v>
      </c>
      <c r="K780" s="17">
        <v>0.52690815944322944</v>
      </c>
      <c r="L780" s="128"/>
      <c r="M780" s="165"/>
      <c r="N780" s="166"/>
    </row>
    <row r="781" spans="1:14" ht="16.95" customHeight="1" thickTop="1" thickBot="1" x14ac:dyDescent="0.25">
      <c r="A781" s="99"/>
      <c r="B781" s="102"/>
      <c r="C781" s="105"/>
      <c r="D781" s="108"/>
      <c r="E781" s="105"/>
      <c r="F781" s="105"/>
      <c r="G781" s="25"/>
      <c r="H781" s="13" t="s">
        <v>215</v>
      </c>
      <c r="I781" s="77">
        <v>-5.7788502626750123E-2</v>
      </c>
      <c r="J781" s="64">
        <v>-0.11001453205634319</v>
      </c>
      <c r="K781" s="18">
        <v>-7.4308567838285225E-3</v>
      </c>
      <c r="L781" s="128"/>
      <c r="M781" s="165"/>
      <c r="N781" s="166"/>
    </row>
    <row r="782" spans="1:14" ht="16.95" customHeight="1" thickTop="1" thickBot="1" x14ac:dyDescent="0.25">
      <c r="A782" s="99"/>
      <c r="B782" s="102"/>
      <c r="C782" s="105"/>
      <c r="D782" s="108"/>
      <c r="E782" s="105"/>
      <c r="F782" s="105"/>
      <c r="G782" s="25"/>
      <c r="H782" s="19"/>
      <c r="I782" s="78"/>
      <c r="J782" s="65"/>
      <c r="K782" s="6"/>
      <c r="L782" s="128"/>
      <c r="M782" s="165"/>
      <c r="N782" s="166"/>
    </row>
    <row r="783" spans="1:14" ht="16.95" customHeight="1" thickTop="1" thickBot="1" x14ac:dyDescent="0.25">
      <c r="A783" s="99"/>
      <c r="B783" s="102"/>
      <c r="C783" s="105"/>
      <c r="D783" s="108"/>
      <c r="E783" s="105"/>
      <c r="F783" s="105"/>
      <c r="G783" s="25"/>
      <c r="H783" s="19"/>
      <c r="I783" s="78"/>
      <c r="J783" s="65"/>
      <c r="K783" s="6"/>
      <c r="L783" s="128"/>
      <c r="M783" s="165"/>
      <c r="N783" s="166"/>
    </row>
    <row r="784" spans="1:14" ht="16.95" customHeight="1" thickTop="1" thickBot="1" x14ac:dyDescent="0.25">
      <c r="A784" s="99"/>
      <c r="B784" s="103"/>
      <c r="C784" s="106"/>
      <c r="D784" s="109"/>
      <c r="E784" s="106"/>
      <c r="F784" s="106"/>
      <c r="G784" s="26"/>
      <c r="H784" s="22"/>
      <c r="I784" s="79"/>
      <c r="J784" s="66"/>
      <c r="K784" s="7"/>
      <c r="L784" s="129"/>
      <c r="M784" s="165"/>
      <c r="N784" s="166"/>
    </row>
    <row r="785" spans="1:14" ht="16.95" customHeight="1" thickTop="1" thickBot="1" x14ac:dyDescent="0.25">
      <c r="A785" s="98">
        <v>66</v>
      </c>
      <c r="B785" s="101" t="s">
        <v>120</v>
      </c>
      <c r="C785" s="104" t="s">
        <v>199</v>
      </c>
      <c r="D785" s="107" t="s">
        <v>200</v>
      </c>
      <c r="E785" s="104" t="s">
        <v>201</v>
      </c>
      <c r="F785" s="104" t="s">
        <v>202</v>
      </c>
      <c r="G785" s="8" t="s">
        <v>11</v>
      </c>
      <c r="H785" s="9"/>
      <c r="I785" s="72"/>
      <c r="J785" s="59"/>
      <c r="K785" s="168" t="s">
        <v>254</v>
      </c>
      <c r="L785" s="127" t="s">
        <v>300</v>
      </c>
      <c r="M785" s="164"/>
      <c r="N785" s="166"/>
    </row>
    <row r="786" spans="1:14" ht="16.95" customHeight="1" thickTop="1" thickBot="1" x14ac:dyDescent="0.25">
      <c r="A786" s="99"/>
      <c r="B786" s="102"/>
      <c r="C786" s="105"/>
      <c r="D786" s="108"/>
      <c r="E786" s="105"/>
      <c r="F786" s="105"/>
      <c r="G786" s="12">
        <v>291909</v>
      </c>
      <c r="H786" s="10" t="s">
        <v>210</v>
      </c>
      <c r="I786" s="88">
        <v>220</v>
      </c>
      <c r="J786" s="71">
        <v>837</v>
      </c>
      <c r="K786" s="169"/>
      <c r="L786" s="128"/>
      <c r="M786" s="165"/>
      <c r="N786" s="167"/>
    </row>
    <row r="787" spans="1:14" ht="16.95" customHeight="1" thickTop="1" thickBot="1" x14ac:dyDescent="0.25">
      <c r="A787" s="99"/>
      <c r="B787" s="102"/>
      <c r="C787" s="105"/>
      <c r="D787" s="108"/>
      <c r="E787" s="105"/>
      <c r="F787" s="105"/>
      <c r="G787" s="12"/>
      <c r="H787" s="13" t="s">
        <v>211</v>
      </c>
      <c r="I787" s="74">
        <v>0</v>
      </c>
      <c r="J787" s="61">
        <v>0</v>
      </c>
      <c r="K787" s="169"/>
      <c r="L787" s="128"/>
      <c r="M787" s="165"/>
      <c r="N787" s="167"/>
    </row>
    <row r="788" spans="1:14" ht="16.95" customHeight="1" thickTop="1" thickBot="1" x14ac:dyDescent="0.25">
      <c r="A788" s="99"/>
      <c r="B788" s="102"/>
      <c r="C788" s="105"/>
      <c r="D788" s="108"/>
      <c r="E788" s="105"/>
      <c r="F788" s="105"/>
      <c r="G788" s="12" t="s">
        <v>12</v>
      </c>
      <c r="H788" s="13" t="s">
        <v>212</v>
      </c>
      <c r="I788" s="74">
        <v>17312</v>
      </c>
      <c r="J788" s="61">
        <v>19672</v>
      </c>
      <c r="K788" s="169"/>
      <c r="L788" s="128"/>
      <c r="M788" s="165"/>
      <c r="N788" s="167"/>
    </row>
    <row r="789" spans="1:14" ht="16.95" customHeight="1" thickTop="1" thickBot="1" x14ac:dyDescent="0.25">
      <c r="A789" s="99"/>
      <c r="B789" s="102"/>
      <c r="C789" s="105"/>
      <c r="D789" s="108"/>
      <c r="E789" s="105"/>
      <c r="F789" s="105"/>
      <c r="G789" s="12">
        <v>79360</v>
      </c>
      <c r="H789" s="5"/>
      <c r="I789" s="85"/>
      <c r="J789" s="62"/>
      <c r="K789" s="169"/>
      <c r="L789" s="128"/>
      <c r="M789" s="165"/>
      <c r="N789" s="167"/>
    </row>
    <row r="790" spans="1:14" ht="16.95" customHeight="1" thickTop="1" thickBot="1" x14ac:dyDescent="0.25">
      <c r="A790" s="99"/>
      <c r="B790" s="102"/>
      <c r="C790" s="105"/>
      <c r="D790" s="108"/>
      <c r="E790" s="105"/>
      <c r="F790" s="105"/>
      <c r="G790" s="25"/>
      <c r="H790" s="5"/>
      <c r="I790" s="83"/>
      <c r="J790" s="62"/>
      <c r="K790" s="169"/>
      <c r="L790" s="128"/>
      <c r="M790" s="165"/>
      <c r="N790" s="167"/>
    </row>
    <row r="791" spans="1:14" ht="16.95" customHeight="1" thickTop="1" thickBot="1" x14ac:dyDescent="0.25">
      <c r="A791" s="99"/>
      <c r="B791" s="102"/>
      <c r="C791" s="105"/>
      <c r="D791" s="108"/>
      <c r="E791" s="105"/>
      <c r="F791" s="105"/>
      <c r="G791" s="25"/>
      <c r="H791" s="10" t="s">
        <v>213</v>
      </c>
      <c r="I791" s="76">
        <v>-17312</v>
      </c>
      <c r="J791" s="63">
        <v>-19672</v>
      </c>
      <c r="K791" s="169"/>
      <c r="L791" s="128"/>
      <c r="M791" s="165"/>
      <c r="N791" s="167"/>
    </row>
    <row r="792" spans="1:14" ht="16.95" customHeight="1" thickTop="1" thickBot="1" x14ac:dyDescent="0.25">
      <c r="A792" s="99"/>
      <c r="B792" s="102"/>
      <c r="C792" s="105"/>
      <c r="D792" s="108"/>
      <c r="E792" s="105"/>
      <c r="F792" s="105"/>
      <c r="G792" s="25"/>
      <c r="H792" s="13" t="s">
        <v>214</v>
      </c>
      <c r="I792" s="77">
        <v>78.690909090909088</v>
      </c>
      <c r="J792" s="64">
        <v>23.502986857825569</v>
      </c>
      <c r="K792" s="169"/>
      <c r="L792" s="128"/>
      <c r="M792" s="165"/>
      <c r="N792" s="167"/>
    </row>
    <row r="793" spans="1:14" ht="16.95" customHeight="1" thickTop="1" thickBot="1" x14ac:dyDescent="0.25">
      <c r="A793" s="99"/>
      <c r="B793" s="102"/>
      <c r="C793" s="105"/>
      <c r="D793" s="108"/>
      <c r="E793" s="105"/>
      <c r="F793" s="105"/>
      <c r="G793" s="25"/>
      <c r="H793" s="13" t="s">
        <v>215</v>
      </c>
      <c r="I793" s="77">
        <v>78.690909090909088</v>
      </c>
      <c r="J793" s="64">
        <v>23.502986857825569</v>
      </c>
      <c r="K793" s="169"/>
      <c r="L793" s="128"/>
      <c r="M793" s="165"/>
      <c r="N793" s="167"/>
    </row>
    <row r="794" spans="1:14" ht="16.95" customHeight="1" thickTop="1" thickBot="1" x14ac:dyDescent="0.25">
      <c r="A794" s="99"/>
      <c r="B794" s="102"/>
      <c r="C794" s="105"/>
      <c r="D794" s="108"/>
      <c r="E794" s="105"/>
      <c r="F794" s="105"/>
      <c r="G794" s="25"/>
      <c r="H794" s="19"/>
      <c r="I794" s="78"/>
      <c r="J794" s="65"/>
      <c r="K794" s="169"/>
      <c r="L794" s="128"/>
      <c r="M794" s="165"/>
      <c r="N794" s="167"/>
    </row>
    <row r="795" spans="1:14" ht="16.95" customHeight="1" thickTop="1" thickBot="1" x14ac:dyDescent="0.25">
      <c r="A795" s="99"/>
      <c r="B795" s="102"/>
      <c r="C795" s="105"/>
      <c r="D795" s="108"/>
      <c r="E795" s="105"/>
      <c r="F795" s="105"/>
      <c r="G795" s="25"/>
      <c r="H795" s="19"/>
      <c r="I795" s="78"/>
      <c r="J795" s="65"/>
      <c r="K795" s="169"/>
      <c r="L795" s="128"/>
      <c r="M795" s="165"/>
      <c r="N795" s="167"/>
    </row>
    <row r="796" spans="1:14" ht="16.95" customHeight="1" thickTop="1" thickBot="1" x14ac:dyDescent="0.25">
      <c r="A796" s="100"/>
      <c r="B796" s="103"/>
      <c r="C796" s="106"/>
      <c r="D796" s="109"/>
      <c r="E796" s="106"/>
      <c r="F796" s="106"/>
      <c r="G796" s="49"/>
      <c r="H796" s="22"/>
      <c r="I796" s="79"/>
      <c r="J796" s="66"/>
      <c r="K796" s="170"/>
      <c r="L796" s="129"/>
      <c r="M796" s="165"/>
      <c r="N796" s="167"/>
    </row>
    <row r="797" spans="1:14" ht="16.95" customHeight="1" thickTop="1" thickBot="1" x14ac:dyDescent="0.25">
      <c r="A797" s="98">
        <v>67</v>
      </c>
      <c r="B797" s="101" t="s">
        <v>203</v>
      </c>
      <c r="C797" s="104" t="s">
        <v>204</v>
      </c>
      <c r="D797" s="107" t="s">
        <v>79</v>
      </c>
      <c r="E797" s="104" t="s">
        <v>205</v>
      </c>
      <c r="F797" s="104" t="s">
        <v>206</v>
      </c>
      <c r="G797" s="24" t="s">
        <v>11</v>
      </c>
      <c r="H797" s="9"/>
      <c r="I797" s="72"/>
      <c r="J797" s="59"/>
      <c r="K797" s="4"/>
      <c r="L797" s="127" t="s">
        <v>255</v>
      </c>
      <c r="M797" s="164"/>
      <c r="N797" s="166" t="s">
        <v>399</v>
      </c>
    </row>
    <row r="798" spans="1:14" ht="16.95" customHeight="1" thickTop="1" thickBot="1" x14ac:dyDescent="0.25">
      <c r="A798" s="99"/>
      <c r="B798" s="102"/>
      <c r="C798" s="105"/>
      <c r="D798" s="108"/>
      <c r="E798" s="105"/>
      <c r="F798" s="105"/>
      <c r="G798" s="32" t="s">
        <v>207</v>
      </c>
      <c r="H798" s="10" t="s">
        <v>210</v>
      </c>
      <c r="I798" s="73">
        <v>49250</v>
      </c>
      <c r="J798" s="60">
        <v>53165</v>
      </c>
      <c r="K798" s="11">
        <v>52388</v>
      </c>
      <c r="L798" s="128"/>
      <c r="M798" s="165"/>
      <c r="N798" s="166"/>
    </row>
    <row r="799" spans="1:14" ht="16.95" customHeight="1" thickTop="1" thickBot="1" x14ac:dyDescent="0.25">
      <c r="A799" s="99"/>
      <c r="B799" s="102"/>
      <c r="C799" s="105"/>
      <c r="D799" s="108"/>
      <c r="E799" s="105"/>
      <c r="F799" s="105"/>
      <c r="G799" s="32"/>
      <c r="H799" s="13" t="s">
        <v>211</v>
      </c>
      <c r="I799" s="74">
        <v>12019</v>
      </c>
      <c r="J799" s="61">
        <v>13881</v>
      </c>
      <c r="K799" s="14">
        <v>14509</v>
      </c>
      <c r="L799" s="128"/>
      <c r="M799" s="165"/>
      <c r="N799" s="166"/>
    </row>
    <row r="800" spans="1:14" ht="16.95" customHeight="1" thickTop="1" thickBot="1" x14ac:dyDescent="0.25">
      <c r="A800" s="99"/>
      <c r="B800" s="102"/>
      <c r="C800" s="105"/>
      <c r="D800" s="108"/>
      <c r="E800" s="105"/>
      <c r="F800" s="105"/>
      <c r="G800" s="25" t="s">
        <v>12</v>
      </c>
      <c r="H800" s="13" t="s">
        <v>212</v>
      </c>
      <c r="I800" s="74">
        <v>119470</v>
      </c>
      <c r="J800" s="61">
        <v>122521</v>
      </c>
      <c r="K800" s="14">
        <v>123059</v>
      </c>
      <c r="L800" s="128"/>
      <c r="M800" s="165"/>
      <c r="N800" s="166"/>
    </row>
    <row r="801" spans="1:14" ht="16.95" customHeight="1" thickTop="1" thickBot="1" x14ac:dyDescent="0.25">
      <c r="A801" s="99"/>
      <c r="B801" s="102"/>
      <c r="C801" s="105"/>
      <c r="D801" s="108"/>
      <c r="E801" s="105"/>
      <c r="F801" s="105"/>
      <c r="G801" s="12">
        <v>158841</v>
      </c>
      <c r="H801" s="5"/>
      <c r="I801" s="83"/>
      <c r="J801" s="62"/>
      <c r="K801" s="15"/>
      <c r="L801" s="128"/>
      <c r="M801" s="165"/>
      <c r="N801" s="166"/>
    </row>
    <row r="802" spans="1:14" ht="16.95" customHeight="1" thickTop="1" thickBot="1" x14ac:dyDescent="0.25">
      <c r="A802" s="99"/>
      <c r="B802" s="102"/>
      <c r="C802" s="105"/>
      <c r="D802" s="108"/>
      <c r="E802" s="105"/>
      <c r="F802" s="105"/>
      <c r="G802" s="25"/>
      <c r="H802" s="5"/>
      <c r="I802" s="83"/>
      <c r="J802" s="62"/>
      <c r="K802" s="15"/>
      <c r="L802" s="128"/>
      <c r="M802" s="165"/>
      <c r="N802" s="166"/>
    </row>
    <row r="803" spans="1:14" ht="16.95" customHeight="1" thickTop="1" thickBot="1" x14ac:dyDescent="0.25">
      <c r="A803" s="99"/>
      <c r="B803" s="102"/>
      <c r="C803" s="105"/>
      <c r="D803" s="108"/>
      <c r="E803" s="105"/>
      <c r="F803" s="105"/>
      <c r="G803" s="25"/>
      <c r="H803" s="10" t="s">
        <v>213</v>
      </c>
      <c r="I803" s="76">
        <v>-107451</v>
      </c>
      <c r="J803" s="63">
        <v>-108640</v>
      </c>
      <c r="K803" s="16">
        <v>-108550</v>
      </c>
      <c r="L803" s="128"/>
      <c r="M803" s="165"/>
      <c r="N803" s="166"/>
    </row>
    <row r="804" spans="1:14" ht="16.95" customHeight="1" thickTop="1" thickBot="1" x14ac:dyDescent="0.25">
      <c r="A804" s="99"/>
      <c r="B804" s="102"/>
      <c r="C804" s="105"/>
      <c r="D804" s="108"/>
      <c r="E804" s="105"/>
      <c r="F804" s="105"/>
      <c r="G804" s="25"/>
      <c r="H804" s="13" t="s">
        <v>214</v>
      </c>
      <c r="I804" s="77">
        <v>2.4257868020304567</v>
      </c>
      <c r="J804" s="64">
        <v>2.304542462146149</v>
      </c>
      <c r="K804" s="17">
        <v>2.3489921356035732</v>
      </c>
      <c r="L804" s="128"/>
      <c r="M804" s="165"/>
      <c r="N804" s="166"/>
    </row>
    <row r="805" spans="1:14" ht="16.95" customHeight="1" thickTop="1" thickBot="1" x14ac:dyDescent="0.25">
      <c r="A805" s="99"/>
      <c r="B805" s="102"/>
      <c r="C805" s="105"/>
      <c r="D805" s="108"/>
      <c r="E805" s="105"/>
      <c r="F805" s="105"/>
      <c r="G805" s="25"/>
      <c r="H805" s="13" t="s">
        <v>215</v>
      </c>
      <c r="I805" s="77">
        <v>2.1817461928934012</v>
      </c>
      <c r="J805" s="64">
        <v>2.043449637919684</v>
      </c>
      <c r="K805" s="18">
        <v>2.0720393983354999</v>
      </c>
      <c r="L805" s="128"/>
      <c r="M805" s="165"/>
      <c r="N805" s="166"/>
    </row>
    <row r="806" spans="1:14" ht="16.95" customHeight="1" thickTop="1" thickBot="1" x14ac:dyDescent="0.25">
      <c r="A806" s="99"/>
      <c r="B806" s="102"/>
      <c r="C806" s="105"/>
      <c r="D806" s="108"/>
      <c r="E806" s="105"/>
      <c r="F806" s="105"/>
      <c r="G806" s="25"/>
      <c r="H806" s="19"/>
      <c r="I806" s="78"/>
      <c r="J806" s="65"/>
      <c r="K806" s="6"/>
      <c r="L806" s="128"/>
      <c r="M806" s="165"/>
      <c r="N806" s="166"/>
    </row>
    <row r="807" spans="1:14" ht="16.95" customHeight="1" thickTop="1" thickBot="1" x14ac:dyDescent="0.25">
      <c r="A807" s="99"/>
      <c r="B807" s="102"/>
      <c r="C807" s="105"/>
      <c r="D807" s="108"/>
      <c r="E807" s="105"/>
      <c r="F807" s="105"/>
      <c r="G807" s="25"/>
      <c r="H807" s="19"/>
      <c r="I807" s="78"/>
      <c r="J807" s="65"/>
      <c r="K807" s="6"/>
      <c r="L807" s="128"/>
      <c r="M807" s="165"/>
      <c r="N807" s="166"/>
    </row>
    <row r="808" spans="1:14" ht="16.95" customHeight="1" thickTop="1" thickBot="1" x14ac:dyDescent="0.25">
      <c r="A808" s="100"/>
      <c r="B808" s="103"/>
      <c r="C808" s="106"/>
      <c r="D808" s="109"/>
      <c r="E808" s="106"/>
      <c r="F808" s="106"/>
      <c r="G808" s="26"/>
      <c r="H808" s="22"/>
      <c r="I808" s="79"/>
      <c r="J808" s="66"/>
      <c r="K808" s="7"/>
      <c r="L808" s="129"/>
      <c r="M808" s="165"/>
      <c r="N808" s="166"/>
    </row>
    <row r="809" spans="1:14" ht="16.95" customHeight="1" thickTop="1" thickBot="1" x14ac:dyDescent="0.25">
      <c r="A809" s="98">
        <v>68</v>
      </c>
      <c r="B809" s="101" t="s">
        <v>203</v>
      </c>
      <c r="C809" s="104" t="s">
        <v>208</v>
      </c>
      <c r="D809" s="107" t="s">
        <v>174</v>
      </c>
      <c r="E809" s="104" t="s">
        <v>205</v>
      </c>
      <c r="F809" s="104" t="s">
        <v>209</v>
      </c>
      <c r="G809" s="8" t="s">
        <v>11</v>
      </c>
      <c r="H809" s="9"/>
      <c r="I809" s="72"/>
      <c r="J809" s="59"/>
      <c r="K809" s="4"/>
      <c r="L809" s="127" t="s">
        <v>255</v>
      </c>
      <c r="M809" s="164"/>
      <c r="N809" s="166" t="s">
        <v>400</v>
      </c>
    </row>
    <row r="810" spans="1:14" ht="16.95" customHeight="1" thickTop="1" thickBot="1" x14ac:dyDescent="0.25">
      <c r="A810" s="99"/>
      <c r="B810" s="102"/>
      <c r="C810" s="105"/>
      <c r="D810" s="108"/>
      <c r="E810" s="105"/>
      <c r="F810" s="105"/>
      <c r="G810" s="12">
        <v>48295</v>
      </c>
      <c r="H810" s="10" t="s">
        <v>210</v>
      </c>
      <c r="I810" s="73">
        <v>81402</v>
      </c>
      <c r="J810" s="60">
        <v>88065</v>
      </c>
      <c r="K810" s="11">
        <v>90007</v>
      </c>
      <c r="L810" s="128"/>
      <c r="M810" s="165"/>
      <c r="N810" s="166"/>
    </row>
    <row r="811" spans="1:14" ht="16.95" customHeight="1" thickTop="1" thickBot="1" x14ac:dyDescent="0.25">
      <c r="A811" s="99"/>
      <c r="B811" s="102"/>
      <c r="C811" s="105"/>
      <c r="D811" s="108"/>
      <c r="E811" s="105"/>
      <c r="F811" s="105"/>
      <c r="G811" s="32" t="s">
        <v>51</v>
      </c>
      <c r="H811" s="13" t="s">
        <v>211</v>
      </c>
      <c r="I811" s="74">
        <v>19987</v>
      </c>
      <c r="J811" s="61">
        <v>22429</v>
      </c>
      <c r="K811" s="14">
        <v>23416</v>
      </c>
      <c r="L811" s="128"/>
      <c r="M811" s="165"/>
      <c r="N811" s="166"/>
    </row>
    <row r="812" spans="1:14" ht="16.95" customHeight="1" thickTop="1" thickBot="1" x14ac:dyDescent="0.25">
      <c r="A812" s="99"/>
      <c r="B812" s="102"/>
      <c r="C812" s="105"/>
      <c r="D812" s="108"/>
      <c r="E812" s="105"/>
      <c r="F812" s="105"/>
      <c r="G812" s="12" t="s">
        <v>12</v>
      </c>
      <c r="H812" s="13" t="s">
        <v>212</v>
      </c>
      <c r="I812" s="74">
        <v>118296</v>
      </c>
      <c r="J812" s="61">
        <v>121723</v>
      </c>
      <c r="K812" s="14">
        <v>125885</v>
      </c>
      <c r="L812" s="128"/>
      <c r="M812" s="165"/>
      <c r="N812" s="166"/>
    </row>
    <row r="813" spans="1:14" ht="16.95" customHeight="1" thickTop="1" thickBot="1" x14ac:dyDescent="0.25">
      <c r="A813" s="99"/>
      <c r="B813" s="102"/>
      <c r="C813" s="105"/>
      <c r="D813" s="108"/>
      <c r="E813" s="105"/>
      <c r="F813" s="105"/>
      <c r="G813" s="12">
        <v>418842</v>
      </c>
      <c r="H813" s="5"/>
      <c r="I813" s="83"/>
      <c r="J813" s="62"/>
      <c r="K813" s="15"/>
      <c r="L813" s="128"/>
      <c r="M813" s="165"/>
      <c r="N813" s="166"/>
    </row>
    <row r="814" spans="1:14" ht="16.95" customHeight="1" thickTop="1" thickBot="1" x14ac:dyDescent="0.25">
      <c r="A814" s="99"/>
      <c r="B814" s="102"/>
      <c r="C814" s="105"/>
      <c r="D814" s="108"/>
      <c r="E814" s="105"/>
      <c r="F814" s="105"/>
      <c r="G814" s="25"/>
      <c r="H814" s="5"/>
      <c r="I814" s="83"/>
      <c r="J814" s="62"/>
      <c r="K814" s="15"/>
      <c r="L814" s="128"/>
      <c r="M814" s="165"/>
      <c r="N814" s="166"/>
    </row>
    <row r="815" spans="1:14" ht="16.95" customHeight="1" thickTop="1" thickBot="1" x14ac:dyDescent="0.25">
      <c r="A815" s="99"/>
      <c r="B815" s="102"/>
      <c r="C815" s="105"/>
      <c r="D815" s="108"/>
      <c r="E815" s="105"/>
      <c r="F815" s="105"/>
      <c r="G815" s="25"/>
      <c r="H815" s="10" t="s">
        <v>213</v>
      </c>
      <c r="I815" s="76">
        <v>-98309</v>
      </c>
      <c r="J815" s="63">
        <v>-99294</v>
      </c>
      <c r="K815" s="16">
        <v>-102469</v>
      </c>
      <c r="L815" s="128"/>
      <c r="M815" s="165"/>
      <c r="N815" s="166"/>
    </row>
    <row r="816" spans="1:14" ht="16.95" customHeight="1" thickTop="1" thickBot="1" x14ac:dyDescent="0.25">
      <c r="A816" s="99"/>
      <c r="B816" s="102"/>
      <c r="C816" s="105"/>
      <c r="D816" s="108"/>
      <c r="E816" s="105"/>
      <c r="F816" s="105"/>
      <c r="G816" s="25"/>
      <c r="H816" s="13" t="s">
        <v>214</v>
      </c>
      <c r="I816" s="77">
        <v>1.4532321073192305</v>
      </c>
      <c r="J816" s="64">
        <v>1.3821949696247091</v>
      </c>
      <c r="K816" s="17">
        <v>1.3986134411767974</v>
      </c>
      <c r="L816" s="128"/>
      <c r="M816" s="165"/>
      <c r="N816" s="166"/>
    </row>
    <row r="817" spans="1:14" ht="16.95" customHeight="1" thickTop="1" thickBot="1" x14ac:dyDescent="0.25">
      <c r="A817" s="99"/>
      <c r="B817" s="102"/>
      <c r="C817" s="105"/>
      <c r="D817" s="108"/>
      <c r="E817" s="105"/>
      <c r="F817" s="105"/>
      <c r="G817" s="25"/>
      <c r="H817" s="13" t="s">
        <v>215</v>
      </c>
      <c r="I817" s="77">
        <v>1.2076975995675783</v>
      </c>
      <c r="J817" s="64">
        <v>1.1275080906148867</v>
      </c>
      <c r="K817" s="18">
        <v>1.13845589787461</v>
      </c>
      <c r="L817" s="128"/>
      <c r="M817" s="165"/>
      <c r="N817" s="166"/>
    </row>
    <row r="818" spans="1:14" ht="16.95" customHeight="1" thickTop="1" thickBot="1" x14ac:dyDescent="0.25">
      <c r="A818" s="99"/>
      <c r="B818" s="102"/>
      <c r="C818" s="105"/>
      <c r="D818" s="108"/>
      <c r="E818" s="105"/>
      <c r="F818" s="105"/>
      <c r="G818" s="25"/>
      <c r="H818" s="19"/>
      <c r="I818" s="78"/>
      <c r="J818" s="65"/>
      <c r="K818" s="6"/>
      <c r="L818" s="128"/>
      <c r="M818" s="165"/>
      <c r="N818" s="166"/>
    </row>
    <row r="819" spans="1:14" ht="16.95" customHeight="1" thickTop="1" thickBot="1" x14ac:dyDescent="0.25">
      <c r="A819" s="99"/>
      <c r="B819" s="102"/>
      <c r="C819" s="105"/>
      <c r="D819" s="108"/>
      <c r="E819" s="105"/>
      <c r="F819" s="105"/>
      <c r="G819" s="25"/>
      <c r="H819" s="19"/>
      <c r="I819" s="78"/>
      <c r="J819" s="65"/>
      <c r="K819" s="6"/>
      <c r="L819" s="128"/>
      <c r="M819" s="165"/>
      <c r="N819" s="166"/>
    </row>
    <row r="820" spans="1:14" ht="16.95" customHeight="1" thickTop="1" thickBot="1" x14ac:dyDescent="0.25">
      <c r="A820" s="100"/>
      <c r="B820" s="103"/>
      <c r="C820" s="106"/>
      <c r="D820" s="109"/>
      <c r="E820" s="106"/>
      <c r="F820" s="106"/>
      <c r="G820" s="26"/>
      <c r="H820" s="22"/>
      <c r="I820" s="79"/>
      <c r="J820" s="66"/>
      <c r="K820" s="7"/>
      <c r="L820" s="129"/>
      <c r="M820" s="165"/>
      <c r="N820" s="166"/>
    </row>
    <row r="821" spans="1:14" ht="12.6" thickTop="1" x14ac:dyDescent="0.2"/>
    <row r="822" spans="1:14" ht="13.5" customHeight="1" x14ac:dyDescent="0.2"/>
    <row r="823" spans="1:14" ht="13.5" customHeight="1" x14ac:dyDescent="0.2"/>
    <row r="824" spans="1:14" ht="13.5" customHeight="1" x14ac:dyDescent="0.2"/>
    <row r="825" spans="1:14" ht="13.5" customHeight="1" x14ac:dyDescent="0.2"/>
    <row r="826" spans="1:14" ht="13.5" customHeight="1" x14ac:dyDescent="0.2"/>
    <row r="827" spans="1:14" ht="13.5" customHeight="1" x14ac:dyDescent="0.2"/>
    <row r="828" spans="1:14" ht="13.5" customHeight="1" x14ac:dyDescent="0.2"/>
    <row r="829" spans="1:14" ht="13.5" customHeight="1" x14ac:dyDescent="0.2"/>
    <row r="830" spans="1:14" ht="13.5" customHeight="1" x14ac:dyDescent="0.2"/>
    <row r="831" spans="1:14" ht="13.5" customHeight="1" x14ac:dyDescent="0.2"/>
    <row r="832" spans="1:14" ht="13.5" customHeight="1" x14ac:dyDescent="0.2"/>
    <row r="833" ht="13.5" customHeight="1" x14ac:dyDescent="0.2"/>
    <row r="834" ht="13.5" customHeight="1" x14ac:dyDescent="0.2"/>
    <row r="835" ht="13.5" customHeight="1" x14ac:dyDescent="0.2"/>
    <row r="836" ht="13.5" customHeight="1" x14ac:dyDescent="0.2"/>
    <row r="837" ht="13.5" customHeight="1" x14ac:dyDescent="0.2"/>
    <row r="838" ht="13.5" customHeight="1" x14ac:dyDescent="0.2"/>
    <row r="839" ht="13.5" customHeight="1" x14ac:dyDescent="0.2"/>
    <row r="840" ht="13.5" customHeight="1" x14ac:dyDescent="0.2"/>
    <row r="841" ht="13.5" customHeight="1" x14ac:dyDescent="0.2"/>
    <row r="842" ht="13.5" customHeight="1" x14ac:dyDescent="0.2"/>
    <row r="843" ht="13.5" customHeight="1" x14ac:dyDescent="0.2"/>
  </sheetData>
  <sheetProtection formatCells="0" formatColumns="0" formatRows="0" insertColumns="0" insertRows="0" insertHyperlinks="0" deleteColumns="0" deleteRows="0" sort="0" autoFilter="0" pivotTables="0"/>
  <autoFilter ref="A4:L820" xr:uid="{00000000-0009-0000-0000-000000000000}"/>
  <mergeCells count="638">
    <mergeCell ref="N677:N688"/>
    <mergeCell ref="N629:N640"/>
    <mergeCell ref="N581:N592"/>
    <mergeCell ref="N538:N544"/>
    <mergeCell ref="N485:N496"/>
    <mergeCell ref="N461:N463"/>
    <mergeCell ref="N689:N700"/>
    <mergeCell ref="N641:N652"/>
    <mergeCell ref="N593:N604"/>
    <mergeCell ref="N545:N547"/>
    <mergeCell ref="N548:N551"/>
    <mergeCell ref="N497:N508"/>
    <mergeCell ref="N464:N467"/>
    <mergeCell ref="A797:A808"/>
    <mergeCell ref="B797:B808"/>
    <mergeCell ref="C797:C808"/>
    <mergeCell ref="D797:D808"/>
    <mergeCell ref="E797:E808"/>
    <mergeCell ref="F797:F808"/>
    <mergeCell ref="L797:L808"/>
    <mergeCell ref="M797:M808"/>
    <mergeCell ref="N797:N808"/>
    <mergeCell ref="A809:A820"/>
    <mergeCell ref="B809:B820"/>
    <mergeCell ref="C809:C820"/>
    <mergeCell ref="D809:D820"/>
    <mergeCell ref="E809:E820"/>
    <mergeCell ref="F809:F820"/>
    <mergeCell ref="L809:L820"/>
    <mergeCell ref="M809:M820"/>
    <mergeCell ref="N809:N820"/>
    <mergeCell ref="F785:F796"/>
    <mergeCell ref="K785:K796"/>
    <mergeCell ref="A773:A784"/>
    <mergeCell ref="B773:B784"/>
    <mergeCell ref="C773:C784"/>
    <mergeCell ref="D773:D784"/>
    <mergeCell ref="E773:E784"/>
    <mergeCell ref="F773:F784"/>
    <mergeCell ref="N89:N100"/>
    <mergeCell ref="N257:N268"/>
    <mergeCell ref="N761:N772"/>
    <mergeCell ref="L773:L784"/>
    <mergeCell ref="M773:M784"/>
    <mergeCell ref="N773:N784"/>
    <mergeCell ref="N428:N431"/>
    <mergeCell ref="N425:N427"/>
    <mergeCell ref="N394:N400"/>
    <mergeCell ref="N341:N352"/>
    <mergeCell ref="N293:N304"/>
    <mergeCell ref="N353:N364"/>
    <mergeCell ref="N269:N280"/>
    <mergeCell ref="N749:N760"/>
    <mergeCell ref="N737:N748"/>
    <mergeCell ref="N725:N736"/>
    <mergeCell ref="L785:L796"/>
    <mergeCell ref="M785:M796"/>
    <mergeCell ref="N785:N796"/>
    <mergeCell ref="A749:A760"/>
    <mergeCell ref="B749:B760"/>
    <mergeCell ref="C749:C760"/>
    <mergeCell ref="D749:D760"/>
    <mergeCell ref="E749:E760"/>
    <mergeCell ref="F749:F760"/>
    <mergeCell ref="L749:L760"/>
    <mergeCell ref="M749:M760"/>
    <mergeCell ref="A761:A772"/>
    <mergeCell ref="B761:B772"/>
    <mergeCell ref="C761:C772"/>
    <mergeCell ref="D761:D772"/>
    <mergeCell ref="E761:E772"/>
    <mergeCell ref="F761:F772"/>
    <mergeCell ref="L761:L772"/>
    <mergeCell ref="M761:M772"/>
    <mergeCell ref="A785:A796"/>
    <mergeCell ref="B785:B796"/>
    <mergeCell ref="C785:C796"/>
    <mergeCell ref="D785:D796"/>
    <mergeCell ref="E785:E796"/>
    <mergeCell ref="A737:A748"/>
    <mergeCell ref="B737:B748"/>
    <mergeCell ref="C737:C748"/>
    <mergeCell ref="D737:D748"/>
    <mergeCell ref="E737:E748"/>
    <mergeCell ref="F737:F748"/>
    <mergeCell ref="L737:L748"/>
    <mergeCell ref="M737:M748"/>
    <mergeCell ref="G743:G748"/>
    <mergeCell ref="A725:A736"/>
    <mergeCell ref="B725:B736"/>
    <mergeCell ref="C725:C736"/>
    <mergeCell ref="D725:D736"/>
    <mergeCell ref="E725:E736"/>
    <mergeCell ref="F725:F736"/>
    <mergeCell ref="L725:L736"/>
    <mergeCell ref="M725:M736"/>
    <mergeCell ref="G731:G736"/>
    <mergeCell ref="L701:L712"/>
    <mergeCell ref="M701:M712"/>
    <mergeCell ref="N701:N712"/>
    <mergeCell ref="A713:A724"/>
    <mergeCell ref="B713:B724"/>
    <mergeCell ref="C713:C724"/>
    <mergeCell ref="D713:D724"/>
    <mergeCell ref="E713:E724"/>
    <mergeCell ref="F713:F724"/>
    <mergeCell ref="L713:L724"/>
    <mergeCell ref="A701:A712"/>
    <mergeCell ref="B701:B712"/>
    <mergeCell ref="C701:C712"/>
    <mergeCell ref="D701:D712"/>
    <mergeCell ref="E701:E712"/>
    <mergeCell ref="F701:F712"/>
    <mergeCell ref="M713:M724"/>
    <mergeCell ref="N713:N724"/>
    <mergeCell ref="A677:A688"/>
    <mergeCell ref="B677:B688"/>
    <mergeCell ref="C677:C688"/>
    <mergeCell ref="D677:D688"/>
    <mergeCell ref="E677:E688"/>
    <mergeCell ref="F677:F688"/>
    <mergeCell ref="L677:L688"/>
    <mergeCell ref="M677:M688"/>
    <mergeCell ref="A689:A700"/>
    <mergeCell ref="B689:B700"/>
    <mergeCell ref="C689:C700"/>
    <mergeCell ref="D689:D700"/>
    <mergeCell ref="E689:E700"/>
    <mergeCell ref="F689:F700"/>
    <mergeCell ref="L689:L700"/>
    <mergeCell ref="M689:M700"/>
    <mergeCell ref="L653:L664"/>
    <mergeCell ref="M653:M664"/>
    <mergeCell ref="N653:N664"/>
    <mergeCell ref="A665:A676"/>
    <mergeCell ref="B665:B676"/>
    <mergeCell ref="C665:C676"/>
    <mergeCell ref="D665:D676"/>
    <mergeCell ref="E665:E676"/>
    <mergeCell ref="F665:F676"/>
    <mergeCell ref="L665:L676"/>
    <mergeCell ref="A653:A664"/>
    <mergeCell ref="B653:B664"/>
    <mergeCell ref="C653:C664"/>
    <mergeCell ref="D653:D664"/>
    <mergeCell ref="E653:E664"/>
    <mergeCell ref="F653:F664"/>
    <mergeCell ref="M665:M676"/>
    <mergeCell ref="N665:N676"/>
    <mergeCell ref="A629:A640"/>
    <mergeCell ref="B629:B640"/>
    <mergeCell ref="C629:C640"/>
    <mergeCell ref="D629:D640"/>
    <mergeCell ref="E629:E640"/>
    <mergeCell ref="F629:F640"/>
    <mergeCell ref="L629:L640"/>
    <mergeCell ref="M629:M640"/>
    <mergeCell ref="A641:A652"/>
    <mergeCell ref="B641:B652"/>
    <mergeCell ref="C641:C652"/>
    <mergeCell ref="D641:D652"/>
    <mergeCell ref="E641:E652"/>
    <mergeCell ref="F641:F652"/>
    <mergeCell ref="L641:L652"/>
    <mergeCell ref="M641:M652"/>
    <mergeCell ref="L605:L616"/>
    <mergeCell ref="M605:M616"/>
    <mergeCell ref="N605:N616"/>
    <mergeCell ref="A617:A628"/>
    <mergeCell ref="B617:B628"/>
    <mergeCell ref="C617:C628"/>
    <mergeCell ref="D617:D628"/>
    <mergeCell ref="E617:E628"/>
    <mergeCell ref="F617:F628"/>
    <mergeCell ref="L617:L628"/>
    <mergeCell ref="A605:A616"/>
    <mergeCell ref="B605:B616"/>
    <mergeCell ref="C605:C616"/>
    <mergeCell ref="D605:D616"/>
    <mergeCell ref="E605:E616"/>
    <mergeCell ref="F605:F616"/>
    <mergeCell ref="M617:M628"/>
    <mergeCell ref="N617:N628"/>
    <mergeCell ref="A581:A592"/>
    <mergeCell ref="B581:B592"/>
    <mergeCell ref="C581:C592"/>
    <mergeCell ref="D581:D592"/>
    <mergeCell ref="E581:E592"/>
    <mergeCell ref="F581:F592"/>
    <mergeCell ref="L581:L592"/>
    <mergeCell ref="M581:M592"/>
    <mergeCell ref="A593:A604"/>
    <mergeCell ref="B593:B604"/>
    <mergeCell ref="C593:C604"/>
    <mergeCell ref="D593:D604"/>
    <mergeCell ref="E593:E604"/>
    <mergeCell ref="F593:F604"/>
    <mergeCell ref="L593:L604"/>
    <mergeCell ref="M593:M604"/>
    <mergeCell ref="L557:L568"/>
    <mergeCell ref="M557:M568"/>
    <mergeCell ref="N557:N568"/>
    <mergeCell ref="A569:A580"/>
    <mergeCell ref="B569:B580"/>
    <mergeCell ref="C569:C580"/>
    <mergeCell ref="D569:D580"/>
    <mergeCell ref="E569:E580"/>
    <mergeCell ref="F569:F580"/>
    <mergeCell ref="L569:L580"/>
    <mergeCell ref="A557:A568"/>
    <mergeCell ref="B557:B568"/>
    <mergeCell ref="C557:C568"/>
    <mergeCell ref="D557:D568"/>
    <mergeCell ref="E557:E568"/>
    <mergeCell ref="F557:F568"/>
    <mergeCell ref="M569:M580"/>
    <mergeCell ref="N569:N580"/>
    <mergeCell ref="A533:A544"/>
    <mergeCell ref="B533:B544"/>
    <mergeCell ref="C533:C544"/>
    <mergeCell ref="D533:D544"/>
    <mergeCell ref="E533:E544"/>
    <mergeCell ref="F533:F544"/>
    <mergeCell ref="L533:L544"/>
    <mergeCell ref="M533:M556"/>
    <mergeCell ref="A545:A556"/>
    <mergeCell ref="B545:B556"/>
    <mergeCell ref="C545:C556"/>
    <mergeCell ref="D545:D556"/>
    <mergeCell ref="E545:E556"/>
    <mergeCell ref="F545:F556"/>
    <mergeCell ref="L545:L556"/>
    <mergeCell ref="L509:L520"/>
    <mergeCell ref="M509:M520"/>
    <mergeCell ref="N509:N520"/>
    <mergeCell ref="A521:A532"/>
    <mergeCell ref="B521:B532"/>
    <mergeCell ref="C521:C532"/>
    <mergeCell ref="D521:D532"/>
    <mergeCell ref="E521:E532"/>
    <mergeCell ref="F521:F532"/>
    <mergeCell ref="L521:L532"/>
    <mergeCell ref="A509:A520"/>
    <mergeCell ref="B509:B520"/>
    <mergeCell ref="C509:C520"/>
    <mergeCell ref="D509:D520"/>
    <mergeCell ref="E509:E520"/>
    <mergeCell ref="F509:F520"/>
    <mergeCell ref="M521:M532"/>
    <mergeCell ref="N521:N532"/>
    <mergeCell ref="A485:A496"/>
    <mergeCell ref="B485:B496"/>
    <mergeCell ref="C485:C496"/>
    <mergeCell ref="D485:D496"/>
    <mergeCell ref="E485:E496"/>
    <mergeCell ref="F485:F496"/>
    <mergeCell ref="L485:L496"/>
    <mergeCell ref="M485:M496"/>
    <mergeCell ref="A497:A508"/>
    <mergeCell ref="B497:B508"/>
    <mergeCell ref="C497:C508"/>
    <mergeCell ref="D497:D508"/>
    <mergeCell ref="E497:E508"/>
    <mergeCell ref="F497:F508"/>
    <mergeCell ref="L497:L508"/>
    <mergeCell ref="M497:M508"/>
    <mergeCell ref="A473:A484"/>
    <mergeCell ref="B473:B484"/>
    <mergeCell ref="C473:C484"/>
    <mergeCell ref="D473:D484"/>
    <mergeCell ref="E473:E484"/>
    <mergeCell ref="F473:F484"/>
    <mergeCell ref="L473:L484"/>
    <mergeCell ref="M473:M484"/>
    <mergeCell ref="N473:N484"/>
    <mergeCell ref="A461:A472"/>
    <mergeCell ref="B461:B472"/>
    <mergeCell ref="C461:C472"/>
    <mergeCell ref="D461:D472"/>
    <mergeCell ref="E461:E472"/>
    <mergeCell ref="F461:F472"/>
    <mergeCell ref="L461:L472"/>
    <mergeCell ref="M461:M463"/>
    <mergeCell ref="M464:M467"/>
    <mergeCell ref="A449:A460"/>
    <mergeCell ref="B449:B460"/>
    <mergeCell ref="C449:C460"/>
    <mergeCell ref="D449:D460"/>
    <mergeCell ref="E449:E460"/>
    <mergeCell ref="F449:F460"/>
    <mergeCell ref="L449:L460"/>
    <mergeCell ref="M454:M460"/>
    <mergeCell ref="N454:N460"/>
    <mergeCell ref="A437:A448"/>
    <mergeCell ref="B437:B448"/>
    <mergeCell ref="C437:C448"/>
    <mergeCell ref="D437:D448"/>
    <mergeCell ref="E437:E448"/>
    <mergeCell ref="F437:F448"/>
    <mergeCell ref="L437:L448"/>
    <mergeCell ref="M437:M448"/>
    <mergeCell ref="N437:N448"/>
    <mergeCell ref="A425:A436"/>
    <mergeCell ref="B425:B436"/>
    <mergeCell ref="C425:C436"/>
    <mergeCell ref="D425:D436"/>
    <mergeCell ref="E425:E436"/>
    <mergeCell ref="F425:F436"/>
    <mergeCell ref="L425:L436"/>
    <mergeCell ref="M425:M427"/>
    <mergeCell ref="G426:G428"/>
    <mergeCell ref="M428:M431"/>
    <mergeCell ref="M404:M407"/>
    <mergeCell ref="N404:N407"/>
    <mergeCell ref="A413:A424"/>
    <mergeCell ref="B413:B424"/>
    <mergeCell ref="C413:C424"/>
    <mergeCell ref="D413:D424"/>
    <mergeCell ref="E413:E424"/>
    <mergeCell ref="F413:F424"/>
    <mergeCell ref="L413:L424"/>
    <mergeCell ref="A401:A412"/>
    <mergeCell ref="B401:B412"/>
    <mergeCell ref="C401:C412"/>
    <mergeCell ref="D401:D412"/>
    <mergeCell ref="E401:E412"/>
    <mergeCell ref="F401:F412"/>
    <mergeCell ref="L401:L412"/>
    <mergeCell ref="M401:M403"/>
    <mergeCell ref="N401:N403"/>
    <mergeCell ref="M418:M424"/>
    <mergeCell ref="N418:N424"/>
    <mergeCell ref="A389:A400"/>
    <mergeCell ref="B389:B400"/>
    <mergeCell ref="C389:C400"/>
    <mergeCell ref="D389:D400"/>
    <mergeCell ref="E389:E400"/>
    <mergeCell ref="F389:F400"/>
    <mergeCell ref="L389:L400"/>
    <mergeCell ref="M394:M400"/>
    <mergeCell ref="G402:G403"/>
    <mergeCell ref="L365:L376"/>
    <mergeCell ref="M365:M376"/>
    <mergeCell ref="N365:N376"/>
    <mergeCell ref="A377:A388"/>
    <mergeCell ref="B377:B388"/>
    <mergeCell ref="C377:C388"/>
    <mergeCell ref="D377:D388"/>
    <mergeCell ref="E377:E388"/>
    <mergeCell ref="F377:F388"/>
    <mergeCell ref="L377:L388"/>
    <mergeCell ref="A365:A376"/>
    <mergeCell ref="B365:B376"/>
    <mergeCell ref="C365:C376"/>
    <mergeCell ref="D365:D376"/>
    <mergeCell ref="E365:E376"/>
    <mergeCell ref="F365:F376"/>
    <mergeCell ref="M377:M388"/>
    <mergeCell ref="N377:N388"/>
    <mergeCell ref="A341:A352"/>
    <mergeCell ref="B341:B352"/>
    <mergeCell ref="C341:C352"/>
    <mergeCell ref="D341:D352"/>
    <mergeCell ref="E341:E352"/>
    <mergeCell ref="F341:F352"/>
    <mergeCell ref="L341:L352"/>
    <mergeCell ref="M341:M352"/>
    <mergeCell ref="A353:A364"/>
    <mergeCell ref="B353:B364"/>
    <mergeCell ref="C353:C364"/>
    <mergeCell ref="D353:D364"/>
    <mergeCell ref="E353:E364"/>
    <mergeCell ref="F353:F364"/>
    <mergeCell ref="L353:L364"/>
    <mergeCell ref="M353:M364"/>
    <mergeCell ref="L317:L328"/>
    <mergeCell ref="M317:M328"/>
    <mergeCell ref="N317:N328"/>
    <mergeCell ref="A329:A340"/>
    <mergeCell ref="B329:B340"/>
    <mergeCell ref="C329:C340"/>
    <mergeCell ref="D329:D340"/>
    <mergeCell ref="E329:E340"/>
    <mergeCell ref="F329:F340"/>
    <mergeCell ref="L329:L340"/>
    <mergeCell ref="A317:A328"/>
    <mergeCell ref="B317:B328"/>
    <mergeCell ref="C317:C328"/>
    <mergeCell ref="D317:D328"/>
    <mergeCell ref="E317:E328"/>
    <mergeCell ref="F317:F328"/>
    <mergeCell ref="M329:M340"/>
    <mergeCell ref="N329:N340"/>
    <mergeCell ref="A305:A316"/>
    <mergeCell ref="B305:B316"/>
    <mergeCell ref="C305:C316"/>
    <mergeCell ref="D305:D316"/>
    <mergeCell ref="E305:E316"/>
    <mergeCell ref="F305:F316"/>
    <mergeCell ref="L305:L316"/>
    <mergeCell ref="M305:M316"/>
    <mergeCell ref="N305:N316"/>
    <mergeCell ref="L281:L292"/>
    <mergeCell ref="M281:M292"/>
    <mergeCell ref="N281:N292"/>
    <mergeCell ref="A293:A304"/>
    <mergeCell ref="C293:C304"/>
    <mergeCell ref="D293:D304"/>
    <mergeCell ref="E293:E304"/>
    <mergeCell ref="F293:F304"/>
    <mergeCell ref="L293:L304"/>
    <mergeCell ref="M293:M304"/>
    <mergeCell ref="A281:A292"/>
    <mergeCell ref="B281:B304"/>
    <mergeCell ref="C281:C292"/>
    <mergeCell ref="D281:D292"/>
    <mergeCell ref="E281:E292"/>
    <mergeCell ref="F281:F292"/>
    <mergeCell ref="A257:A268"/>
    <mergeCell ref="B257:B268"/>
    <mergeCell ref="C257:C268"/>
    <mergeCell ref="D257:D268"/>
    <mergeCell ref="E257:E268"/>
    <mergeCell ref="F257:F268"/>
    <mergeCell ref="L257:L268"/>
    <mergeCell ref="M257:M268"/>
    <mergeCell ref="A269:A280"/>
    <mergeCell ref="B269:B280"/>
    <mergeCell ref="C269:C280"/>
    <mergeCell ref="D269:D280"/>
    <mergeCell ref="E269:E280"/>
    <mergeCell ref="F269:F280"/>
    <mergeCell ref="L269:L280"/>
    <mergeCell ref="M269:M280"/>
    <mergeCell ref="A245:A256"/>
    <mergeCell ref="B245:B256"/>
    <mergeCell ref="C245:C256"/>
    <mergeCell ref="D245:D256"/>
    <mergeCell ref="E245:E256"/>
    <mergeCell ref="F245:F256"/>
    <mergeCell ref="L245:L256"/>
    <mergeCell ref="M245:M256"/>
    <mergeCell ref="N245:N256"/>
    <mergeCell ref="A233:A244"/>
    <mergeCell ref="B233:B244"/>
    <mergeCell ref="C233:C244"/>
    <mergeCell ref="D233:D244"/>
    <mergeCell ref="E233:E244"/>
    <mergeCell ref="F233:F244"/>
    <mergeCell ref="L233:L244"/>
    <mergeCell ref="M233:M244"/>
    <mergeCell ref="N233:N244"/>
    <mergeCell ref="G239:G244"/>
    <mergeCell ref="L209:L220"/>
    <mergeCell ref="M209:M220"/>
    <mergeCell ref="N209:N220"/>
    <mergeCell ref="A221:A232"/>
    <mergeCell ref="B221:B232"/>
    <mergeCell ref="C221:C232"/>
    <mergeCell ref="D221:D232"/>
    <mergeCell ref="E221:E232"/>
    <mergeCell ref="F221:F232"/>
    <mergeCell ref="L221:L232"/>
    <mergeCell ref="A209:A220"/>
    <mergeCell ref="B209:B220"/>
    <mergeCell ref="C209:C220"/>
    <mergeCell ref="D209:D220"/>
    <mergeCell ref="E209:E220"/>
    <mergeCell ref="F209:F220"/>
    <mergeCell ref="M221:M232"/>
    <mergeCell ref="N221:N232"/>
    <mergeCell ref="G227:G232"/>
    <mergeCell ref="F197:F208"/>
    <mergeCell ref="L197:L208"/>
    <mergeCell ref="M197:M199"/>
    <mergeCell ref="N197:N199"/>
    <mergeCell ref="M200:M203"/>
    <mergeCell ref="N200:N203"/>
    <mergeCell ref="L185:L196"/>
    <mergeCell ref="G186:G187"/>
    <mergeCell ref="G189:G191"/>
    <mergeCell ref="M190:M196"/>
    <mergeCell ref="N190:N196"/>
    <mergeCell ref="F185:F196"/>
    <mergeCell ref="A197:A208"/>
    <mergeCell ref="B197:B208"/>
    <mergeCell ref="C197:C208"/>
    <mergeCell ref="D197:D208"/>
    <mergeCell ref="E197:E208"/>
    <mergeCell ref="A185:A196"/>
    <mergeCell ref="B185:B196"/>
    <mergeCell ref="C185:C196"/>
    <mergeCell ref="D185:D196"/>
    <mergeCell ref="E185:E196"/>
    <mergeCell ref="M161:M166"/>
    <mergeCell ref="N161:N166"/>
    <mergeCell ref="A173:A184"/>
    <mergeCell ref="B173:B184"/>
    <mergeCell ref="C173:C184"/>
    <mergeCell ref="D173:D184"/>
    <mergeCell ref="E173:E184"/>
    <mergeCell ref="F173:F184"/>
    <mergeCell ref="N152:N157"/>
    <mergeCell ref="G155:G160"/>
    <mergeCell ref="N158:N160"/>
    <mergeCell ref="A161:A172"/>
    <mergeCell ref="B161:B172"/>
    <mergeCell ref="C161:C172"/>
    <mergeCell ref="D161:D172"/>
    <mergeCell ref="E161:E172"/>
    <mergeCell ref="F161:F172"/>
    <mergeCell ref="L161:L184"/>
    <mergeCell ref="A137:A148"/>
    <mergeCell ref="B137:B148"/>
    <mergeCell ref="C137:C148"/>
    <mergeCell ref="D137:D148"/>
    <mergeCell ref="E137:E148"/>
    <mergeCell ref="F137:F148"/>
    <mergeCell ref="L137:L148"/>
    <mergeCell ref="M137:M148"/>
    <mergeCell ref="A149:A160"/>
    <mergeCell ref="B149:B160"/>
    <mergeCell ref="C149:C160"/>
    <mergeCell ref="D149:D160"/>
    <mergeCell ref="E149:E160"/>
    <mergeCell ref="F149:F160"/>
    <mergeCell ref="G149:G154"/>
    <mergeCell ref="L149:L160"/>
    <mergeCell ref="M149:M160"/>
    <mergeCell ref="G121:G123"/>
    <mergeCell ref="A125:A136"/>
    <mergeCell ref="B125:B136"/>
    <mergeCell ref="C125:C136"/>
    <mergeCell ref="D125:D136"/>
    <mergeCell ref="E125:E136"/>
    <mergeCell ref="F125:F136"/>
    <mergeCell ref="N101:N112"/>
    <mergeCell ref="A113:A124"/>
    <mergeCell ref="B113:B124"/>
    <mergeCell ref="C113:C124"/>
    <mergeCell ref="D113:D124"/>
    <mergeCell ref="E113:E124"/>
    <mergeCell ref="F113:F124"/>
    <mergeCell ref="L113:L124"/>
    <mergeCell ref="M113:M124"/>
    <mergeCell ref="N113:N124"/>
    <mergeCell ref="L125:L136"/>
    <mergeCell ref="M125:M136"/>
    <mergeCell ref="N125:N136"/>
    <mergeCell ref="A101:A112"/>
    <mergeCell ref="B101:B112"/>
    <mergeCell ref="C101:C112"/>
    <mergeCell ref="D101:D112"/>
    <mergeCell ref="E101:E112"/>
    <mergeCell ref="F101:F112"/>
    <mergeCell ref="L101:L112"/>
    <mergeCell ref="M101:M112"/>
    <mergeCell ref="G115:G117"/>
    <mergeCell ref="A89:A100"/>
    <mergeCell ref="B89:B100"/>
    <mergeCell ref="C89:C100"/>
    <mergeCell ref="D89:D100"/>
    <mergeCell ref="E89:E100"/>
    <mergeCell ref="F89:F100"/>
    <mergeCell ref="L89:L100"/>
    <mergeCell ref="M89:M100"/>
    <mergeCell ref="L65:L76"/>
    <mergeCell ref="M65:M76"/>
    <mergeCell ref="N65:N76"/>
    <mergeCell ref="A77:A88"/>
    <mergeCell ref="B77:B88"/>
    <mergeCell ref="C77:C88"/>
    <mergeCell ref="D77:D88"/>
    <mergeCell ref="E77:E88"/>
    <mergeCell ref="F77:F88"/>
    <mergeCell ref="L77:L88"/>
    <mergeCell ref="A65:A76"/>
    <mergeCell ref="B65:B76"/>
    <mergeCell ref="C65:C76"/>
    <mergeCell ref="D65:D76"/>
    <mergeCell ref="E65:E76"/>
    <mergeCell ref="F65:F76"/>
    <mergeCell ref="M77:M88"/>
    <mergeCell ref="N77:N88"/>
    <mergeCell ref="G83:G86"/>
    <mergeCell ref="A29:A40"/>
    <mergeCell ref="B29:B40"/>
    <mergeCell ref="C29:C40"/>
    <mergeCell ref="D29:D40"/>
    <mergeCell ref="E29:E40"/>
    <mergeCell ref="F29:F40"/>
    <mergeCell ref="N49:N52"/>
    <mergeCell ref="A53:A64"/>
    <mergeCell ref="B53:B64"/>
    <mergeCell ref="C53:C64"/>
    <mergeCell ref="D53:D64"/>
    <mergeCell ref="E53:E64"/>
    <mergeCell ref="F53:F64"/>
    <mergeCell ref="L29:L64"/>
    <mergeCell ref="M29:M64"/>
    <mergeCell ref="N39:N45"/>
    <mergeCell ref="A41:A52"/>
    <mergeCell ref="B41:B52"/>
    <mergeCell ref="C41:C52"/>
    <mergeCell ref="D41:D52"/>
    <mergeCell ref="E41:E52"/>
    <mergeCell ref="F41:F52"/>
    <mergeCell ref="N46:N48"/>
    <mergeCell ref="A17:A28"/>
    <mergeCell ref="B17:B28"/>
    <mergeCell ref="C17:C28"/>
    <mergeCell ref="D17:D28"/>
    <mergeCell ref="E17:E28"/>
    <mergeCell ref="F17:F28"/>
    <mergeCell ref="L17:L28"/>
    <mergeCell ref="M17:M28"/>
    <mergeCell ref="N17:N28"/>
    <mergeCell ref="G18:G19"/>
    <mergeCell ref="G3:G4"/>
    <mergeCell ref="H3:K3"/>
    <mergeCell ref="L3:L4"/>
    <mergeCell ref="M3:M4"/>
    <mergeCell ref="N3:N4"/>
    <mergeCell ref="A5:A16"/>
    <mergeCell ref="B5:B16"/>
    <mergeCell ref="C5:C16"/>
    <mergeCell ref="D5:D16"/>
    <mergeCell ref="E5:E16"/>
    <mergeCell ref="A3:A4"/>
    <mergeCell ref="B3:B4"/>
    <mergeCell ref="C3:C4"/>
    <mergeCell ref="D3:D4"/>
    <mergeCell ref="E3:E4"/>
    <mergeCell ref="F3:F4"/>
    <mergeCell ref="F5:F16"/>
    <mergeCell ref="L5:L16"/>
    <mergeCell ref="M5:M16"/>
    <mergeCell ref="N5:N16"/>
  </mergeCells>
  <phoneticPr fontId="2"/>
  <hyperlinks>
    <hyperlink ref="N5:N16" r:id="rId1" display="https://www.pref.kanagawa.jp/documents/66065/01_r6_moni_sagamikocenter.pdf" xr:uid="{CBDD70F2-1265-453E-9738-DC5D45F494D6}"/>
    <hyperlink ref="N17:N28" r:id="rId2" display="https://www.pref.kanagawa.jp/documents/66065/04_r6_moni_arthall.pdf" xr:uid="{35045D1A-5985-4499-8275-5C5FDDBE0FB4}"/>
    <hyperlink ref="N39:N45" r:id="rId3" display="https://www.pref.kanagawa.jp/documents/66065/03_r6_moni_kenminhall_ongakudou.pdf" xr:uid="{254242AE-6F43-463A-818F-B0FFFCE13AF1}"/>
    <hyperlink ref="N65:N76" r:id="rId4" display="https://www.pref.kanagawa.jp/documents/66065/05_r6_moni_kindaibungakukan.pdf" xr:uid="{9AF6217F-D69B-46C5-9CCF-4914D7E48519}"/>
    <hyperlink ref="N77:N88" r:id="rId5" display="https://www.pref.kanagawa.jp/documents/66065/02_r6_moni_chikyuusiminkanagawaplaza.pdf" xr:uid="{2B552F44-2E90-4FEC-82CA-42ABAB66F91D}"/>
    <hyperlink ref="N89:N100" r:id="rId6" display="https://www.pref.kanagawa.jp/documents/66065/06_r6_moni_sportskaikan.pdf" xr:uid="{19E6BF03-1B8B-4FDB-94BF-CEB394C6E553}"/>
    <hyperlink ref="N101:N112" r:id="rId7" display="https://www.pref.kanagawa.jp/documents/66065/07_r6_moni_budoukan.pdf" xr:uid="{3F9CE3B8-13E2-4DDF-BD52-9ECB8A2B60F3}"/>
    <hyperlink ref="N113:N124" r:id="rId8" display="https://www.pref.kanagawa.jp/documents/66065/08_r6_moni_seisyou.pdf" xr:uid="{A0A1E328-9AB4-49B2-B0FF-6C62436B40EB}"/>
    <hyperlink ref="N125:N136" r:id="rId9" display="https://www.pref.kanagawa.jp/documents/66065/09_r6_moni_iseharasyagekijyou.pdf" xr:uid="{0750B15F-94D1-447C-906F-A11FBFEFEAB8}"/>
    <hyperlink ref="N152:N157" r:id="rId10" display="https://www.pref.kanagawa.jp/documents/66065/62_r6_moni_miyagaseko.pdf" xr:uid="{BB04F847-952D-4942-BE8F-81CA8DE0C231}"/>
    <hyperlink ref="N190:N196" r:id="rId11" display="https://www.pref.kanagawa.jp/documents/66065/10_r6_moni_visitorcenter.pdf" xr:uid="{F2FB94E3-FC28-4CB1-9733-2BAC97BB9D57}"/>
    <hyperlink ref="N209:N220" r:id="rId12" display="https://www.pref.kanagawa.jp/documents/66065/11_r6_moni_21seikinomori.pdf" xr:uid="{94CF104D-B924-4974-8F2F-DBDF51A85828}"/>
    <hyperlink ref="N221:N232" r:id="rId13" display="https://www.pref.kanagawa.jp/documents/66065/14_r6_moni_honkou.pdf" xr:uid="{50E7E2C2-DB6E-4CB7-8457-8DA2B29AD119}"/>
    <hyperlink ref="N233:N244" r:id="rId14" display="https://www.pref.kanagawa.jp/documents/66065/15_r6_moni_miyakawa.pdf" xr:uid="{EFD649F5-A0E1-4E71-ACFD-48B69BA779A8}"/>
    <hyperlink ref="N245:N256" r:id="rId15" display="https://www.pref.kanagawa.jp/documents/66065/12_r6_moni_kanagarden.pdf" xr:uid="{43BCC331-DD72-4642-963D-7DE828FB42A5}"/>
    <hyperlink ref="N257:N268" r:id="rId16" display="https://www.pref.kanagawa.jp/documents/66065/13_r6_moni_oohunaflowercenter.pdf" xr:uid="{978E6AA8-C5E6-4F61-8774-23022606C914}"/>
    <hyperlink ref="N269:N280" r:id="rId17" display="https://www.pref.kanagawa.jp/documents/66065/16_r6_moni_jyoseijiritusiensisetu.pdf" xr:uid="{0DB31B18-9BF4-4F72-833E-1F7AE8A1482C}"/>
    <hyperlink ref="N281:N292" r:id="rId18" display="https://www.pref.kanagawa.jp/documents/66065/19_r6_moni_tsukuiyamayurien.pdf" xr:uid="{B2F9EB6E-A37B-4E96-BA59-F915F8E99A09}"/>
    <hyperlink ref="N293:N304" r:id="rId19" display="https://www.pref.kanagawa.jp/documents/66065/20_r6_moni_serigayayamayurien.pdf" xr:uid="{8B1D8E25-036D-4CF1-8580-A6F083F2A45F}"/>
    <hyperlink ref="N305:N316" r:id="rId20" display="https://www.pref.kanagawa.jp/documents/66065/17_r6_moni_lightcenter.pdf" xr:uid="{BE195022-9EDD-4694-9872-0676116F2704}"/>
    <hyperlink ref="N317:N328" r:id="rId21" display="https://www.pref.kanagawa.jp/documents/66065/18_r6_moni_choukakusyougai.pdf" xr:uid="{884179C9-DE18-4B88-A32D-6B6C2351BD11}"/>
    <hyperlink ref="N329:N340" r:id="rId22" display="https://www.pref.kanagawa.jp/documents/66065/21_r6_moni_ainayamayurien.pdf" xr:uid="{75E0A92E-29B1-433D-B84C-90EAD278E4A0}"/>
    <hyperlink ref="N341:N352" r:id="rId23" display="https://www.pref.kanagawa.jp/documents/66065/22_r6_moni_atugiseikaen.pdf" xr:uid="{9E30BA9C-17C9-4112-8432-53A899F1E710}"/>
    <hyperlink ref="N353:N364" r:id="rId24" display="https://www.pref.kanagawa.jp/documents/66065/23_r6_moni_miurasiratorien.pdf" xr:uid="{F3AE46CB-26D5-4EC3-A13E-2A12893CB6A1}"/>
    <hyperlink ref="N365:N376" r:id="rId25" display="https://www.pref.kanagawa.jp/documents/66065/24_r6_moni_rehabilitation.pdf" xr:uid="{C29796D1-5601-4EDD-BF6A-550BAA6852B9}"/>
    <hyperlink ref="N377:N388" r:id="rId26" display="https://www.pref.kanagawa.jp/documents/66065/25_r6_moni_kanagawaroudouplaza.pdf" xr:uid="{40693538-4E43-464F-8331-2E93CB111940}"/>
    <hyperlink ref="N394:N400" r:id="rId27" display="https://www.pref.kanagawa.jp/documents/66065/61_r6_moni_hadanotogawakouen_sangakusportscenter.pdf" xr:uid="{D6E94F41-0A84-47AE-8BD7-3BF3B729E9A1}"/>
    <hyperlink ref="N418:N424" r:id="rId28" display="https://www.pref.kanagawa.jp/documents/66065/60_r6_moni_sagamikokouen_sagamikosouteijyou.pdf" xr:uid="{FD374C87-8503-4BC1-9DBA-1034D2F3BB9D}"/>
    <hyperlink ref="N437:N448" r:id="rId29" display="https://www.pref.kanagawa.jp/documents/66065/26_r6_moni_tsukayamakouen.pdf" xr:uid="{84C25EA9-2BA3-4C34-8CC0-3DABEAA067DF}"/>
    <hyperlink ref="N454:N460" r:id="rId30" display="https://www.pref.kanagawa.jp/documents/66065/29_r6_moni_hayamakouen_hayamasanngaokaryokuti.pdf" xr:uid="{D9025BB9-CD94-4875-9745-66B92EA08A4F}"/>
    <hyperlink ref="N473:N484" r:id="rId31" display="https://www.pref.kanagawa.jp/documents/66065/27_r6_moni_hodogayakouen.pdf" xr:uid="{E1447B61-7E42-40C7-932D-8E94574A6DD0}"/>
    <hyperlink ref="N485:N496" r:id="rId32" display="https://www.pref.kanagawa.jp/documents/66065/28_r6_moni_mitsuikekouen.pdf" xr:uid="{6D262747-5735-4DB2-AE70-5C5419B6EF8D}"/>
    <hyperlink ref="N497:N508" r:id="rId33" display="https://www.pref.kanagawa.jp/documents/66065/30_r6_moni_syounannkaigannkouen.pdf" xr:uid="{E0B18384-BCD7-4167-8E4D-984636C9DF73}"/>
    <hyperlink ref="N509:N520" r:id="rId34" display="https://www.pref.kanagawa.jp/documents/66065/31_r6_moni_jyougasimakouen.pdf" xr:uid="{6AF88A78-43C2-45BE-AA88-216B0B423558}"/>
    <hyperlink ref="N521:N532" r:id="rId35" display="https://www.pref.kanagawa.jp/documents/66065/32_r6_moni_onnshihakonekouen.pdf" xr:uid="{DFFC60C6-71EF-4D38-B9A1-6D1255FAF44B}"/>
    <hyperlink ref="N538:N544" r:id="rId36" display="https://www.pref.kanagawa.jp/documents/66065/33_r6_moni_tsujidoukaihinkouen_syounansiomidaikouen.pdf" xr:uid="{1FF551CE-C2C0-4CB7-B4AA-82FDC163E6AA}"/>
    <hyperlink ref="N557:N568" r:id="rId37" display="https://www.pref.kanagawa.jp/documents/66065/34_r6_moni_kannnonnzakikouen.pdf" xr:uid="{BDB65C51-C4DA-4AB5-BACD-70030917E107}"/>
    <hyperlink ref="N569:N580" r:id="rId38" display="https://www.pref.kanagawa.jp/documents/66065/35_r6_moni_higasitakanesinnrinnkouen.pdf" xr:uid="{C6BBF165-3580-4D15-87DE-1E79AD339927}"/>
    <hyperlink ref="N581:N592" r:id="rId39" display="https://www.pref.kanagawa.jp/documents/66065/36_r6_moni_sagamiharakouen.pdf" xr:uid="{1ADD2FB6-BE13-40D0-89C6-8BA606981C41}"/>
    <hyperlink ref="N593:N604" r:id="rId40" display="https://www.pref.kanagawa.jp/documents/66065/37_r6_moni_ooisojyoyamakouenn.pdf" xr:uid="{8EDD0E75-03A0-4C1B-AB82-B9F5C3A63D17}"/>
    <hyperlink ref="N605:N616" r:id="rId41" display="https://www.pref.kanagawa.jp/documents/66065/38_r6_moni_nanasawasinnrinnkouen.pdf" xr:uid="{97FA56FD-8527-432D-8880-A7ED7A398248}"/>
    <hyperlink ref="N617:N628" r:id="rId42" display="https://www.pref.kanagawa.jp/documents/66065/39_r6_moni_sikinomorikouen.pdf" xr:uid="{91FB4CF6-05EE-45CB-9609-1C581CC49492}"/>
    <hyperlink ref="N629:N640" r:id="rId43" display="https://www.pref.kanagawa.jp/documents/66065/40_r6_moni_zamayatoyamakouen.pdf" xr:uid="{6255AA7A-DF6D-49BA-A1CD-38889648532A}"/>
    <hyperlink ref="N641:N652" r:id="rId44" display="https://www.pref.kanagawa.jp/documents/66065/41_r6_moni_tsukuikoshiroyamakouen.pdf" xr:uid="{20DEBB36-0309-4F53-9B4C-593CE2A22237}"/>
    <hyperlink ref="N653:N664" r:id="rId45" display="https://www.pref.kanagawa.jp/documents/66065/42_r6_moni_chigasakisatoyamakouen.pdf" xr:uid="{03951E9D-C2CD-4A79-981C-3D5EC743AA61}"/>
    <hyperlink ref="N665:N676" r:id="rId46" display="https://www.pref.kanagawa.jp/documents/66065/43_r6_moni_aikawakouen.pdf" xr:uid="{6B3FBF94-1AE1-434C-AC74-FF6C8E6F0B7D}"/>
    <hyperlink ref="N677:N688" r:id="rId47" display="https://www.pref.kanagawa.jp/documents/66065/44_r6_moni_sagamisansenkouen.pdf" xr:uid="{EF3460C9-E633-4D2F-9EE0-2351D5FCF529}"/>
    <hyperlink ref="N689:N700" r:id="rId48" display="https://www.pref.kanagawa.jp/documents/66065/45_r6_moni_odawarasuwanoharakouen.pdf" xr:uid="{DB829AD1-A311-4DDB-9E02-460D081DD70F}"/>
    <hyperlink ref="N701:N712" r:id="rId49" display="https://www.pref.kanagawa.jp/documents/66065/46_r6_moni_sakaigawayuusuitikouen.pdf" xr:uid="{BA47EC4A-3810-4F4D-983B-0CFEEF553CC2}"/>
    <hyperlink ref="N713:N724" r:id="rId50" display="https://www.pref.kanagawa.jp/documents/66065/47_r6_moni_yamakitatsuburanokouen.pdf" xr:uid="{9FE15FFE-4044-4997-A7CA-7FDFA909F760}"/>
    <hyperlink ref="N725:N736" r:id="rId51" display="https://www.pref.kanagawa.jp/documents/66065/48_r6_moni_yuigahamatikatyushajou.pdf" xr:uid="{97D3618A-A806-4827-A65D-F9EFF14D53CD}"/>
    <hyperlink ref="N737:N748" r:id="rId52" display="https://www.pref.kanagawa.jp/documents/66065/49_r6_moni_katasekaigantikatyushajou.pdf" xr:uid="{5E9B7206-4D9E-4FFD-ABB9-B41F891B4450}"/>
    <hyperlink ref="N749:N760" r:id="rId53" display="https://www.pref.kanagawa.jp/documents/66065/50_r6_moni_syounankou.pdf" xr:uid="{F47A2464-2632-4AC2-826C-5821490D85F2}"/>
    <hyperlink ref="N761:N772" r:id="rId54" display="https://www.pref.kanagawa.jp/documents/66065/51_r6_moni_hayamakou.pdf" xr:uid="{B47CAED1-49E1-4FD5-BDFE-A26AC59C7495}"/>
    <hyperlink ref="N773:N784" r:id="rId55" display="https://www.pref.kanagawa.jp/documents/66065/52_r6_moni_ooisokou.pdf" xr:uid="{2958E55F-7561-4850-8110-B49939FCCAE7}"/>
    <hyperlink ref="N797:N808" r:id="rId56" display="https://www.pref.kanagawa.jp/documents/66065/58_r6_moni_ashigara.pdf" xr:uid="{54BA436F-2973-4A52-B46F-6427DBF54287}"/>
    <hyperlink ref="N809:N820" r:id="rId57" display="https://www.pref.kanagawa.jp/documents/66065/59_r6_moni_aikawa.pdf" xr:uid="{42ACED16-80AD-437F-AD67-BDBF4B0136EE}"/>
  </hyperlinks>
  <pageMargins left="0.70866141732283472" right="0.70866141732283472" top="0.74803149606299213" bottom="0.74803149606299213" header="0.31496062992125984" footer="0.31496062992125984"/>
  <pageSetup paperSize="8" scale="46" fitToHeight="0" orientation="portrait" r:id="rId58"/>
  <headerFooter>
    <oddFooter>&amp;R&amp;P/&amp;N</oddFooter>
  </headerFooter>
  <rowBreaks count="5" manualBreakCount="5">
    <brk id="136" max="13" man="1"/>
    <brk id="280" max="13" man="1"/>
    <brk id="388" max="13" man="1"/>
    <brk id="532" max="13" man="1"/>
    <brk id="676" max="1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行政管理課</dc:creator>
  <cp:lastModifiedBy>user</cp:lastModifiedBy>
  <cp:lastPrinted>2026-02-27T02:54:18Z</cp:lastPrinted>
  <dcterms:created xsi:type="dcterms:W3CDTF">2021-12-09T02:11:37Z</dcterms:created>
  <dcterms:modified xsi:type="dcterms:W3CDTF">2026-04-08T06:02:56Z</dcterms:modified>
</cp:coreProperties>
</file>